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tiff" ContentType="image/tiff"/>
  <Default Extension="xlsx" ContentType="application/vnd.openxmlformats-officedocument.spreadsheetml.sheet"/>
  <Default Extension="mp4" ContentType="video/mp4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notesSlides/notesSlide3.xml" ContentType="application/vnd.openxmlformats-officedocument.presentationml.notesSlide+xml"/>
  <Override PartName="/ppt/charts/chart5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charts/chart6.xml" ContentType="application/vnd.openxmlformats-officedocument.drawingml.chart+xml"/>
  <Override PartName="/ppt/charts/style6.xml" ContentType="application/vnd.ms-office.chartstyle+xml"/>
  <Override PartName="/ppt/charts/colors6.xml" ContentType="application/vnd.ms-office.chartcolorstyle+xml"/>
  <Override PartName="/ppt/charts/chart7.xml" ContentType="application/vnd.openxmlformats-officedocument.drawingml.chart+xml"/>
  <Override PartName="/ppt/charts/style7.xml" ContentType="application/vnd.ms-office.chartstyle+xml"/>
  <Override PartName="/ppt/charts/colors7.xml" ContentType="application/vnd.ms-office.chartcolorstyle+xml"/>
  <Override PartName="/ppt/charts/chart8.xml" ContentType="application/vnd.openxmlformats-officedocument.drawingml.chart+xml"/>
  <Override PartName="/ppt/charts/style8.xml" ContentType="application/vnd.ms-office.chartstyle+xml"/>
  <Override PartName="/ppt/charts/colors8.xml" ContentType="application/vnd.ms-office.chartcolorstyle+xml"/>
  <Override PartName="/ppt/notesSlides/notesSlide4.xml" ContentType="application/vnd.openxmlformats-officedocument.presentationml.notesSlide+xml"/>
  <Override PartName="/ppt/charts/chart9.xml" ContentType="application/vnd.openxmlformats-officedocument.drawingml.chart+xml"/>
  <Override PartName="/ppt/charts/style9.xml" ContentType="application/vnd.ms-office.chartstyle+xml"/>
  <Override PartName="/ppt/charts/colors9.xml" ContentType="application/vnd.ms-office.chartcolorstyle+xml"/>
  <Override PartName="/ppt/charts/chart10.xml" ContentType="application/vnd.openxmlformats-officedocument.drawingml.chart+xml"/>
  <Override PartName="/ppt/charts/style10.xml" ContentType="application/vnd.ms-office.chartstyle+xml"/>
  <Override PartName="/ppt/charts/colors10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0"/>
  </p:notesMasterIdLst>
  <p:sldIdLst>
    <p:sldId id="268" r:id="rId2"/>
    <p:sldId id="256" r:id="rId3"/>
    <p:sldId id="258" r:id="rId4"/>
    <p:sldId id="261" r:id="rId5"/>
    <p:sldId id="260" r:id="rId6"/>
    <p:sldId id="267" r:id="rId7"/>
    <p:sldId id="262" r:id="rId8"/>
    <p:sldId id="263" r:id="rId9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70602" autoAdjust="0"/>
  </p:normalViewPr>
  <p:slideViewPr>
    <p:cSldViewPr snapToGrid="0">
      <p:cViewPr>
        <p:scale>
          <a:sx n="80" d="100"/>
          <a:sy n="80" d="100"/>
        </p:scale>
        <p:origin x="1152" y="4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viewProps" Target="view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presProps" Target="presProps.xml"/><Relationship Id="rId5" Type="http://schemas.openxmlformats.org/officeDocument/2006/relationships/slide" Target="slides/slide4.xml"/><Relationship Id="rId10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ableStyles" Target="tableStyle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.xlsx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10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8.xlsx"/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1.xlsx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2.xlsx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\\cmvm.datastore.ed.ac.uk\cmvm\smgphs\users\s1736576\Win7\Desktop\Wuhan%20virus\0%20my%20work\total%20from%20NHC%20(as%20of%2010%20Feb).csv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3.xlsx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_rels/chart6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4.xlsx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ppt/charts/_rels/chart7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5.xlsx"/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ppt/charts/_rels/chart8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6.xlsx"/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ppt/charts/_rels/chart9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7.xlsx"/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total from NHC (as of 10 Feb)'!$D$1</c:f>
              <c:strCache>
                <c:ptCount val="1"/>
                <c:pt idx="0">
                  <c:v>newly confirmed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'total from NHC (as of 10 Feb)'!$A$2:$A$43</c:f>
              <c:numCache>
                <c:formatCode>m/d/yyyy</c:formatCode>
                <c:ptCount val="42"/>
                <c:pt idx="0">
                  <c:v>43830</c:v>
                </c:pt>
                <c:pt idx="1">
                  <c:v>43831</c:v>
                </c:pt>
                <c:pt idx="2">
                  <c:v>43832</c:v>
                </c:pt>
                <c:pt idx="3">
                  <c:v>43833</c:v>
                </c:pt>
                <c:pt idx="4">
                  <c:v>43834</c:v>
                </c:pt>
                <c:pt idx="5">
                  <c:v>43835</c:v>
                </c:pt>
                <c:pt idx="6">
                  <c:v>43836</c:v>
                </c:pt>
                <c:pt idx="7">
                  <c:v>43837</c:v>
                </c:pt>
                <c:pt idx="8">
                  <c:v>43838</c:v>
                </c:pt>
                <c:pt idx="9">
                  <c:v>43839</c:v>
                </c:pt>
                <c:pt idx="10">
                  <c:v>43840</c:v>
                </c:pt>
                <c:pt idx="11">
                  <c:v>43841</c:v>
                </c:pt>
                <c:pt idx="12">
                  <c:v>43842</c:v>
                </c:pt>
                <c:pt idx="13">
                  <c:v>43843</c:v>
                </c:pt>
                <c:pt idx="14">
                  <c:v>43844</c:v>
                </c:pt>
                <c:pt idx="15">
                  <c:v>43845</c:v>
                </c:pt>
                <c:pt idx="16">
                  <c:v>43846</c:v>
                </c:pt>
                <c:pt idx="17">
                  <c:v>43847</c:v>
                </c:pt>
                <c:pt idx="18">
                  <c:v>43848</c:v>
                </c:pt>
                <c:pt idx="19">
                  <c:v>43849</c:v>
                </c:pt>
                <c:pt idx="20">
                  <c:v>43850</c:v>
                </c:pt>
                <c:pt idx="21">
                  <c:v>43851</c:v>
                </c:pt>
                <c:pt idx="22">
                  <c:v>43852</c:v>
                </c:pt>
                <c:pt idx="23">
                  <c:v>43853</c:v>
                </c:pt>
                <c:pt idx="24">
                  <c:v>43854</c:v>
                </c:pt>
                <c:pt idx="25">
                  <c:v>43855</c:v>
                </c:pt>
                <c:pt idx="26">
                  <c:v>43856</c:v>
                </c:pt>
                <c:pt idx="27">
                  <c:v>43857</c:v>
                </c:pt>
                <c:pt idx="28">
                  <c:v>43858</c:v>
                </c:pt>
                <c:pt idx="29">
                  <c:v>43859</c:v>
                </c:pt>
                <c:pt idx="30">
                  <c:v>43860</c:v>
                </c:pt>
                <c:pt idx="31">
                  <c:v>43861</c:v>
                </c:pt>
                <c:pt idx="32">
                  <c:v>43862</c:v>
                </c:pt>
                <c:pt idx="33">
                  <c:v>43863</c:v>
                </c:pt>
                <c:pt idx="34">
                  <c:v>43864</c:v>
                </c:pt>
                <c:pt idx="35">
                  <c:v>43865</c:v>
                </c:pt>
                <c:pt idx="36">
                  <c:v>43866</c:v>
                </c:pt>
                <c:pt idx="37">
                  <c:v>43867</c:v>
                </c:pt>
                <c:pt idx="38">
                  <c:v>43868</c:v>
                </c:pt>
                <c:pt idx="39">
                  <c:v>43869</c:v>
                </c:pt>
                <c:pt idx="40">
                  <c:v>43870</c:v>
                </c:pt>
                <c:pt idx="41">
                  <c:v>43871</c:v>
                </c:pt>
              </c:numCache>
            </c:numRef>
          </c:cat>
          <c:val>
            <c:numRef>
              <c:f>'total from NHC (as of 10 Feb)'!$D$2:$D$43</c:f>
              <c:numCache>
                <c:formatCode>General</c:formatCode>
                <c:ptCount val="42"/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4</c:v>
                </c:pt>
                <c:pt idx="17">
                  <c:v>17</c:v>
                </c:pt>
                <c:pt idx="18">
                  <c:v>59</c:v>
                </c:pt>
                <c:pt idx="19">
                  <c:v>77</c:v>
                </c:pt>
                <c:pt idx="20">
                  <c:v>93</c:v>
                </c:pt>
                <c:pt idx="21">
                  <c:v>149</c:v>
                </c:pt>
                <c:pt idx="22">
                  <c:v>131</c:v>
                </c:pt>
                <c:pt idx="23">
                  <c:v>259</c:v>
                </c:pt>
                <c:pt idx="24">
                  <c:v>457</c:v>
                </c:pt>
                <c:pt idx="25">
                  <c:v>688</c:v>
                </c:pt>
                <c:pt idx="26">
                  <c:v>769</c:v>
                </c:pt>
                <c:pt idx="27">
                  <c:v>1771</c:v>
                </c:pt>
                <c:pt idx="28">
                  <c:v>1459</c:v>
                </c:pt>
                <c:pt idx="29">
                  <c:v>1737</c:v>
                </c:pt>
                <c:pt idx="30">
                  <c:v>1981</c:v>
                </c:pt>
                <c:pt idx="31">
                  <c:v>2099</c:v>
                </c:pt>
                <c:pt idx="32">
                  <c:v>2589</c:v>
                </c:pt>
                <c:pt idx="33">
                  <c:v>2825</c:v>
                </c:pt>
                <c:pt idx="34">
                  <c:v>3233</c:v>
                </c:pt>
                <c:pt idx="35">
                  <c:v>3886</c:v>
                </c:pt>
                <c:pt idx="36">
                  <c:v>3694</c:v>
                </c:pt>
                <c:pt idx="37">
                  <c:v>3143</c:v>
                </c:pt>
                <c:pt idx="38">
                  <c:v>3385</c:v>
                </c:pt>
                <c:pt idx="39">
                  <c:v>2652</c:v>
                </c:pt>
                <c:pt idx="40">
                  <c:v>2973</c:v>
                </c:pt>
                <c:pt idx="41">
                  <c:v>247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0EC5-4595-8614-A9AABE498CAA}"/>
            </c:ext>
          </c:extLst>
        </c:ser>
        <c:ser>
          <c:idx val="1"/>
          <c:order val="1"/>
          <c:tx>
            <c:strRef>
              <c:f>'total from NHC (as of 10 Feb)'!$F$1</c:f>
              <c:strCache>
                <c:ptCount val="1"/>
                <c:pt idx="0">
                  <c:v>newly suspected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total from NHC (as of 10 Feb)'!$A$2:$A$43</c:f>
              <c:numCache>
                <c:formatCode>m/d/yyyy</c:formatCode>
                <c:ptCount val="42"/>
                <c:pt idx="0">
                  <c:v>43830</c:v>
                </c:pt>
                <c:pt idx="1">
                  <c:v>43831</c:v>
                </c:pt>
                <c:pt idx="2">
                  <c:v>43832</c:v>
                </c:pt>
                <c:pt idx="3">
                  <c:v>43833</c:v>
                </c:pt>
                <c:pt idx="4">
                  <c:v>43834</c:v>
                </c:pt>
                <c:pt idx="5">
                  <c:v>43835</c:v>
                </c:pt>
                <c:pt idx="6">
                  <c:v>43836</c:v>
                </c:pt>
                <c:pt idx="7">
                  <c:v>43837</c:v>
                </c:pt>
                <c:pt idx="8">
                  <c:v>43838</c:v>
                </c:pt>
                <c:pt idx="9">
                  <c:v>43839</c:v>
                </c:pt>
                <c:pt idx="10">
                  <c:v>43840</c:v>
                </c:pt>
                <c:pt idx="11">
                  <c:v>43841</c:v>
                </c:pt>
                <c:pt idx="12">
                  <c:v>43842</c:v>
                </c:pt>
                <c:pt idx="13">
                  <c:v>43843</c:v>
                </c:pt>
                <c:pt idx="14">
                  <c:v>43844</c:v>
                </c:pt>
                <c:pt idx="15">
                  <c:v>43845</c:v>
                </c:pt>
                <c:pt idx="16">
                  <c:v>43846</c:v>
                </c:pt>
                <c:pt idx="17">
                  <c:v>43847</c:v>
                </c:pt>
                <c:pt idx="18">
                  <c:v>43848</c:v>
                </c:pt>
                <c:pt idx="19">
                  <c:v>43849</c:v>
                </c:pt>
                <c:pt idx="20">
                  <c:v>43850</c:v>
                </c:pt>
                <c:pt idx="21">
                  <c:v>43851</c:v>
                </c:pt>
                <c:pt idx="22">
                  <c:v>43852</c:v>
                </c:pt>
                <c:pt idx="23">
                  <c:v>43853</c:v>
                </c:pt>
                <c:pt idx="24">
                  <c:v>43854</c:v>
                </c:pt>
                <c:pt idx="25">
                  <c:v>43855</c:v>
                </c:pt>
                <c:pt idx="26">
                  <c:v>43856</c:v>
                </c:pt>
                <c:pt idx="27">
                  <c:v>43857</c:v>
                </c:pt>
                <c:pt idx="28">
                  <c:v>43858</c:v>
                </c:pt>
                <c:pt idx="29">
                  <c:v>43859</c:v>
                </c:pt>
                <c:pt idx="30">
                  <c:v>43860</c:v>
                </c:pt>
                <c:pt idx="31">
                  <c:v>43861</c:v>
                </c:pt>
                <c:pt idx="32">
                  <c:v>43862</c:v>
                </c:pt>
                <c:pt idx="33">
                  <c:v>43863</c:v>
                </c:pt>
                <c:pt idx="34">
                  <c:v>43864</c:v>
                </c:pt>
                <c:pt idx="35">
                  <c:v>43865</c:v>
                </c:pt>
                <c:pt idx="36">
                  <c:v>43866</c:v>
                </c:pt>
                <c:pt idx="37">
                  <c:v>43867</c:v>
                </c:pt>
                <c:pt idx="38">
                  <c:v>43868</c:v>
                </c:pt>
                <c:pt idx="39">
                  <c:v>43869</c:v>
                </c:pt>
                <c:pt idx="40">
                  <c:v>43870</c:v>
                </c:pt>
                <c:pt idx="41">
                  <c:v>43871</c:v>
                </c:pt>
              </c:numCache>
            </c:numRef>
          </c:cat>
          <c:val>
            <c:numRef>
              <c:f>'total from NHC (as of 10 Feb)'!$F$2:$F$43</c:f>
              <c:numCache>
                <c:formatCode>General</c:formatCode>
                <c:ptCount val="42"/>
                <c:pt idx="22">
                  <c:v>257</c:v>
                </c:pt>
                <c:pt idx="23">
                  <c:v>680</c:v>
                </c:pt>
                <c:pt idx="24">
                  <c:v>1118</c:v>
                </c:pt>
                <c:pt idx="25">
                  <c:v>1309</c:v>
                </c:pt>
                <c:pt idx="26">
                  <c:v>3806</c:v>
                </c:pt>
                <c:pt idx="27">
                  <c:v>2077</c:v>
                </c:pt>
                <c:pt idx="28">
                  <c:v>3248</c:v>
                </c:pt>
                <c:pt idx="29">
                  <c:v>4148</c:v>
                </c:pt>
                <c:pt idx="30">
                  <c:v>4812</c:v>
                </c:pt>
                <c:pt idx="31">
                  <c:v>5019</c:v>
                </c:pt>
                <c:pt idx="32">
                  <c:v>4562</c:v>
                </c:pt>
                <c:pt idx="33">
                  <c:v>5173</c:v>
                </c:pt>
                <c:pt idx="34">
                  <c:v>5072</c:v>
                </c:pt>
                <c:pt idx="35">
                  <c:v>3971</c:v>
                </c:pt>
                <c:pt idx="36">
                  <c:v>5328</c:v>
                </c:pt>
                <c:pt idx="37">
                  <c:v>4833</c:v>
                </c:pt>
                <c:pt idx="38">
                  <c:v>4214</c:v>
                </c:pt>
                <c:pt idx="39">
                  <c:v>3916</c:v>
                </c:pt>
                <c:pt idx="40">
                  <c:v>4008</c:v>
                </c:pt>
                <c:pt idx="41">
                  <c:v>353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0EC5-4595-8614-A9AABE498CA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640008480"/>
        <c:axId val="1640008896"/>
      </c:lineChart>
      <c:dateAx>
        <c:axId val="1640008480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40008896"/>
        <c:crosses val="autoZero"/>
        <c:auto val="1"/>
        <c:lblOffset val="100"/>
        <c:baseTimeUnit val="days"/>
      </c:dateAx>
      <c:valAx>
        <c:axId val="164000889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4000848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Western Pacific Region (outside of China)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B$2:$B$31</c:f>
              <c:numCache>
                <c:formatCode>0</c:formatCode>
                <c:ptCount val="30"/>
                <c:pt idx="0">
                  <c:v>0</c:v>
                </c:pt>
                <c:pt idx="1">
                  <c:v>0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2</c:v>
                </c:pt>
                <c:pt idx="8">
                  <c:v>3</c:v>
                </c:pt>
                <c:pt idx="9">
                  <c:v>3</c:v>
                </c:pt>
                <c:pt idx="10">
                  <c:v>6</c:v>
                </c:pt>
                <c:pt idx="11">
                  <c:v>9</c:v>
                </c:pt>
                <c:pt idx="12">
                  <c:v>18</c:v>
                </c:pt>
                <c:pt idx="13">
                  <c:v>21</c:v>
                </c:pt>
                <c:pt idx="14">
                  <c:v>25</c:v>
                </c:pt>
                <c:pt idx="15">
                  <c:v>30</c:v>
                </c:pt>
                <c:pt idx="16">
                  <c:v>39</c:v>
                </c:pt>
                <c:pt idx="17">
                  <c:v>53</c:v>
                </c:pt>
                <c:pt idx="18">
                  <c:v>65</c:v>
                </c:pt>
                <c:pt idx="19">
                  <c:v>79</c:v>
                </c:pt>
                <c:pt idx="20">
                  <c:v>83</c:v>
                </c:pt>
                <c:pt idx="21">
                  <c:v>84</c:v>
                </c:pt>
                <c:pt idx="22">
                  <c:v>97</c:v>
                </c:pt>
                <c:pt idx="23">
                  <c:v>110</c:v>
                </c:pt>
                <c:pt idx="24">
                  <c:v>123</c:v>
                </c:pt>
                <c:pt idx="25">
                  <c:v>129</c:v>
                </c:pt>
                <c:pt idx="26">
                  <c:v>138</c:v>
                </c:pt>
                <c:pt idx="27">
                  <c:v>146</c:v>
                </c:pt>
                <c:pt idx="28">
                  <c:v>151</c:v>
                </c:pt>
                <c:pt idx="29">
                  <c:v>15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E6A-4B2F-9AF7-53D6254E2113}"/>
            </c:ext>
          </c:extLst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South-East Asia Region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C$2:$C$31</c:f>
              <c:numCache>
                <c:formatCode>0</c:formatCode>
                <c:ptCount val="30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2</c:v>
                </c:pt>
                <c:pt idx="5">
                  <c:v>2</c:v>
                </c:pt>
                <c:pt idx="6">
                  <c:v>2</c:v>
                </c:pt>
                <c:pt idx="7">
                  <c:v>3</c:v>
                </c:pt>
                <c:pt idx="8">
                  <c:v>3</c:v>
                </c:pt>
                <c:pt idx="9">
                  <c:v>4</c:v>
                </c:pt>
                <c:pt idx="10">
                  <c:v>4</c:v>
                </c:pt>
                <c:pt idx="11">
                  <c:v>5</c:v>
                </c:pt>
                <c:pt idx="12">
                  <c:v>7</c:v>
                </c:pt>
                <c:pt idx="13">
                  <c:v>9</c:v>
                </c:pt>
                <c:pt idx="14">
                  <c:v>10</c:v>
                </c:pt>
                <c:pt idx="15">
                  <c:v>16</c:v>
                </c:pt>
                <c:pt idx="16">
                  <c:v>16</c:v>
                </c:pt>
                <c:pt idx="17">
                  <c:v>17</c:v>
                </c:pt>
                <c:pt idx="18">
                  <c:v>22</c:v>
                </c:pt>
                <c:pt idx="19">
                  <c:v>23</c:v>
                </c:pt>
                <c:pt idx="20">
                  <c:v>23</c:v>
                </c:pt>
                <c:pt idx="21">
                  <c:v>24</c:v>
                </c:pt>
                <c:pt idx="22">
                  <c:v>30</c:v>
                </c:pt>
                <c:pt idx="23">
                  <c:v>30</c:v>
                </c:pt>
                <c:pt idx="24">
                  <c:v>30</c:v>
                </c:pt>
                <c:pt idx="25">
                  <c:v>30</c:v>
                </c:pt>
                <c:pt idx="26">
                  <c:v>37</c:v>
                </c:pt>
                <c:pt idx="27">
                  <c:v>37</c:v>
                </c:pt>
                <c:pt idx="28">
                  <c:v>37</c:v>
                </c:pt>
                <c:pt idx="29">
                  <c:v>3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E6A-4B2F-9AF7-53D6254E2113}"/>
            </c:ext>
          </c:extLst>
        </c:ser>
        <c:ser>
          <c:idx val="2"/>
          <c:order val="2"/>
          <c:tx>
            <c:strRef>
              <c:f>Sheet1!$D$1</c:f>
              <c:strCache>
                <c:ptCount val="1"/>
                <c:pt idx="0">
                  <c:v>European Region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D$2:$D$31</c:f>
              <c:numCache>
                <c:formatCode>0</c:formatCode>
                <c:ptCount val="30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3</c:v>
                </c:pt>
                <c:pt idx="12">
                  <c:v>3</c:v>
                </c:pt>
                <c:pt idx="13">
                  <c:v>3</c:v>
                </c:pt>
                <c:pt idx="14">
                  <c:v>4</c:v>
                </c:pt>
                <c:pt idx="15">
                  <c:v>8</c:v>
                </c:pt>
                <c:pt idx="16">
                  <c:v>10</c:v>
                </c:pt>
                <c:pt idx="17">
                  <c:v>13</c:v>
                </c:pt>
                <c:pt idx="18">
                  <c:v>22</c:v>
                </c:pt>
                <c:pt idx="19">
                  <c:v>23</c:v>
                </c:pt>
                <c:pt idx="20">
                  <c:v>25</c:v>
                </c:pt>
                <c:pt idx="21">
                  <c:v>27</c:v>
                </c:pt>
                <c:pt idx="22">
                  <c:v>28</c:v>
                </c:pt>
                <c:pt idx="23">
                  <c:v>28</c:v>
                </c:pt>
                <c:pt idx="24">
                  <c:v>31</c:v>
                </c:pt>
                <c:pt idx="25">
                  <c:v>32</c:v>
                </c:pt>
                <c:pt idx="26">
                  <c:v>37</c:v>
                </c:pt>
                <c:pt idx="27">
                  <c:v>39</c:v>
                </c:pt>
                <c:pt idx="28">
                  <c:v>43</c:v>
                </c:pt>
                <c:pt idx="29">
                  <c:v>4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5E6A-4B2F-9AF7-53D6254E2113}"/>
            </c:ext>
          </c:extLst>
        </c:ser>
        <c:ser>
          <c:idx val="3"/>
          <c:order val="3"/>
          <c:tx>
            <c:strRef>
              <c:f>Sheet1!$E$1</c:f>
              <c:strCache>
                <c:ptCount val="1"/>
                <c:pt idx="0">
                  <c:v>Region of the Americas</c:v>
                </c:pt>
              </c:strCache>
            </c:strRef>
          </c:tx>
          <c:spPr>
            <a:ln w="28575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E$2:$E$31</c:f>
              <c:numCache>
                <c:formatCode>0</c:formatCode>
                <c:ptCount val="30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2</c:v>
                </c:pt>
                <c:pt idx="12">
                  <c:v>2</c:v>
                </c:pt>
                <c:pt idx="13">
                  <c:v>6</c:v>
                </c:pt>
                <c:pt idx="14">
                  <c:v>6</c:v>
                </c:pt>
                <c:pt idx="15">
                  <c:v>6</c:v>
                </c:pt>
                <c:pt idx="16">
                  <c:v>8</c:v>
                </c:pt>
                <c:pt idx="17">
                  <c:v>9</c:v>
                </c:pt>
                <c:pt idx="18">
                  <c:v>10</c:v>
                </c:pt>
                <c:pt idx="19">
                  <c:v>12</c:v>
                </c:pt>
                <c:pt idx="20">
                  <c:v>15</c:v>
                </c:pt>
                <c:pt idx="21">
                  <c:v>15</c:v>
                </c:pt>
                <c:pt idx="22">
                  <c:v>16</c:v>
                </c:pt>
                <c:pt idx="23">
                  <c:v>16</c:v>
                </c:pt>
                <c:pt idx="24">
                  <c:v>19</c:v>
                </c:pt>
                <c:pt idx="25">
                  <c:v>19</c:v>
                </c:pt>
                <c:pt idx="26">
                  <c:v>19</c:v>
                </c:pt>
                <c:pt idx="27">
                  <c:v>19</c:v>
                </c:pt>
                <c:pt idx="28">
                  <c:v>20</c:v>
                </c:pt>
                <c:pt idx="29">
                  <c:v>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5E6A-4B2F-9AF7-53D6254E2113}"/>
            </c:ext>
          </c:extLst>
        </c:ser>
        <c:ser>
          <c:idx val="4"/>
          <c:order val="4"/>
          <c:tx>
            <c:strRef>
              <c:f>Sheet1!$F$1</c:f>
              <c:strCache>
                <c:ptCount val="1"/>
                <c:pt idx="0">
                  <c:v>Eastern Mediterranean Region</c:v>
                </c:pt>
              </c:strCache>
            </c:strRef>
          </c:tx>
          <c:spPr>
            <a:ln w="28575" cap="rnd">
              <a:solidFill>
                <a:schemeClr val="accent5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F$2:$F$31</c:f>
              <c:numCache>
                <c:formatCode>0</c:formatCode>
                <c:ptCount val="30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1</c:v>
                </c:pt>
                <c:pt idx="17">
                  <c:v>4</c:v>
                </c:pt>
                <c:pt idx="18">
                  <c:v>5</c:v>
                </c:pt>
                <c:pt idx="19">
                  <c:v>5</c:v>
                </c:pt>
                <c:pt idx="20">
                  <c:v>5</c:v>
                </c:pt>
                <c:pt idx="21">
                  <c:v>5</c:v>
                </c:pt>
                <c:pt idx="22">
                  <c:v>5</c:v>
                </c:pt>
                <c:pt idx="23">
                  <c:v>5</c:v>
                </c:pt>
                <c:pt idx="24">
                  <c:v>5</c:v>
                </c:pt>
                <c:pt idx="25">
                  <c:v>5</c:v>
                </c:pt>
                <c:pt idx="26">
                  <c:v>7</c:v>
                </c:pt>
                <c:pt idx="27">
                  <c:v>7</c:v>
                </c:pt>
                <c:pt idx="28">
                  <c:v>8</c:v>
                </c:pt>
                <c:pt idx="29">
                  <c:v>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5E6A-4B2F-9AF7-53D6254E2113}"/>
            </c:ext>
          </c:extLst>
        </c:ser>
        <c:ser>
          <c:idx val="5"/>
          <c:order val="5"/>
          <c:tx>
            <c:strRef>
              <c:f>Sheet1!$G$1</c:f>
              <c:strCache>
                <c:ptCount val="1"/>
                <c:pt idx="0">
                  <c:v>International Conveyancea (Japan)</c:v>
                </c:pt>
              </c:strCache>
            </c:strRef>
          </c:tx>
          <c:spPr>
            <a:ln w="28575" cap="rnd">
              <a:solidFill>
                <a:schemeClr val="accent6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G$2:$G$31</c:f>
              <c:numCache>
                <c:formatCode>General</c:formatCode>
                <c:ptCount val="30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10</c:v>
                </c:pt>
                <c:pt idx="24">
                  <c:v>20</c:v>
                </c:pt>
                <c:pt idx="25">
                  <c:v>61</c:v>
                </c:pt>
                <c:pt idx="26">
                  <c:v>64</c:v>
                </c:pt>
                <c:pt idx="27">
                  <c:v>70</c:v>
                </c:pt>
                <c:pt idx="28">
                  <c:v>136</c:v>
                </c:pt>
                <c:pt idx="29">
                  <c:v>13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5E6A-4B2F-9AF7-53D6254E2113}"/>
            </c:ext>
          </c:extLst>
        </c:ser>
        <c:ser>
          <c:idx val="6"/>
          <c:order val="6"/>
          <c:tx>
            <c:strRef>
              <c:f>Sheet1!$H$1</c:f>
              <c:strCache>
                <c:ptCount val="1"/>
                <c:pt idx="0">
                  <c:v>Total</c:v>
                </c:pt>
              </c:strCache>
            </c:strRef>
          </c:tx>
          <c:spPr>
            <a:ln w="28575" cap="rnd">
              <a:solidFill>
                <a:schemeClr val="accent1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H$2:$H$31</c:f>
              <c:numCache>
                <c:formatCode>0</c:formatCode>
                <c:ptCount val="30"/>
                <c:pt idx="0">
                  <c:v>1</c:v>
                </c:pt>
                <c:pt idx="1">
                  <c:v>1</c:v>
                </c:pt>
                <c:pt idx="2">
                  <c:v>2</c:v>
                </c:pt>
                <c:pt idx="3">
                  <c:v>2</c:v>
                </c:pt>
                <c:pt idx="4">
                  <c:v>3</c:v>
                </c:pt>
                <c:pt idx="5">
                  <c:v>3</c:v>
                </c:pt>
                <c:pt idx="6">
                  <c:v>3</c:v>
                </c:pt>
                <c:pt idx="7">
                  <c:v>5</c:v>
                </c:pt>
                <c:pt idx="8">
                  <c:v>7</c:v>
                </c:pt>
                <c:pt idx="9">
                  <c:v>8</c:v>
                </c:pt>
                <c:pt idx="10">
                  <c:v>11</c:v>
                </c:pt>
                <c:pt idx="11">
                  <c:v>19</c:v>
                </c:pt>
                <c:pt idx="12">
                  <c:v>30</c:v>
                </c:pt>
                <c:pt idx="13">
                  <c:v>39</c:v>
                </c:pt>
                <c:pt idx="14">
                  <c:v>45</c:v>
                </c:pt>
                <c:pt idx="15">
                  <c:v>60</c:v>
                </c:pt>
                <c:pt idx="16">
                  <c:v>74</c:v>
                </c:pt>
                <c:pt idx="17">
                  <c:v>96</c:v>
                </c:pt>
                <c:pt idx="18">
                  <c:v>124</c:v>
                </c:pt>
                <c:pt idx="19">
                  <c:v>142</c:v>
                </c:pt>
                <c:pt idx="20">
                  <c:v>151</c:v>
                </c:pt>
                <c:pt idx="21">
                  <c:v>155</c:v>
                </c:pt>
                <c:pt idx="22">
                  <c:v>176</c:v>
                </c:pt>
                <c:pt idx="23">
                  <c:v>189</c:v>
                </c:pt>
                <c:pt idx="24">
                  <c:v>208</c:v>
                </c:pt>
                <c:pt idx="25">
                  <c:v>215</c:v>
                </c:pt>
                <c:pt idx="26">
                  <c:v>238</c:v>
                </c:pt>
                <c:pt idx="27">
                  <c:v>248</c:v>
                </c:pt>
                <c:pt idx="28">
                  <c:v>259</c:v>
                </c:pt>
                <c:pt idx="29">
                  <c:v>26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5E6A-4B2F-9AF7-53D6254E211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648565040"/>
        <c:axId val="1648563376"/>
      </c:lineChart>
      <c:dateAx>
        <c:axId val="1648565040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48563376"/>
        <c:crosses val="autoZero"/>
        <c:auto val="1"/>
        <c:lblOffset val="100"/>
        <c:baseTimeUnit val="days"/>
      </c:dateAx>
      <c:valAx>
        <c:axId val="16485633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4856504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total from NHC (as of 10 Feb)'!$B$1</c:f>
              <c:strCache>
                <c:ptCount val="1"/>
                <c:pt idx="0">
                  <c:v>confirmed (cumulative)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'total from NHC (as of 10 Feb)'!$A$2:$A$43</c:f>
              <c:numCache>
                <c:formatCode>m/d/yyyy</c:formatCode>
                <c:ptCount val="42"/>
                <c:pt idx="0">
                  <c:v>43830</c:v>
                </c:pt>
                <c:pt idx="1">
                  <c:v>43831</c:v>
                </c:pt>
                <c:pt idx="2">
                  <c:v>43832</c:v>
                </c:pt>
                <c:pt idx="3">
                  <c:v>43833</c:v>
                </c:pt>
                <c:pt idx="4">
                  <c:v>43834</c:v>
                </c:pt>
                <c:pt idx="5">
                  <c:v>43835</c:v>
                </c:pt>
                <c:pt idx="6">
                  <c:v>43836</c:v>
                </c:pt>
                <c:pt idx="7">
                  <c:v>43837</c:v>
                </c:pt>
                <c:pt idx="8">
                  <c:v>43838</c:v>
                </c:pt>
                <c:pt idx="9">
                  <c:v>43839</c:v>
                </c:pt>
                <c:pt idx="10">
                  <c:v>43840</c:v>
                </c:pt>
                <c:pt idx="11">
                  <c:v>43841</c:v>
                </c:pt>
                <c:pt idx="12">
                  <c:v>43842</c:v>
                </c:pt>
                <c:pt idx="13">
                  <c:v>43843</c:v>
                </c:pt>
                <c:pt idx="14">
                  <c:v>43844</c:v>
                </c:pt>
                <c:pt idx="15">
                  <c:v>43845</c:v>
                </c:pt>
                <c:pt idx="16">
                  <c:v>43846</c:v>
                </c:pt>
                <c:pt idx="17">
                  <c:v>43847</c:v>
                </c:pt>
                <c:pt idx="18">
                  <c:v>43848</c:v>
                </c:pt>
                <c:pt idx="19">
                  <c:v>43849</c:v>
                </c:pt>
                <c:pt idx="20">
                  <c:v>43850</c:v>
                </c:pt>
                <c:pt idx="21">
                  <c:v>43851</c:v>
                </c:pt>
                <c:pt idx="22">
                  <c:v>43852</c:v>
                </c:pt>
                <c:pt idx="23">
                  <c:v>43853</c:v>
                </c:pt>
                <c:pt idx="24">
                  <c:v>43854</c:v>
                </c:pt>
                <c:pt idx="25">
                  <c:v>43855</c:v>
                </c:pt>
                <c:pt idx="26">
                  <c:v>43856</c:v>
                </c:pt>
                <c:pt idx="27">
                  <c:v>43857</c:v>
                </c:pt>
                <c:pt idx="28">
                  <c:v>43858</c:v>
                </c:pt>
                <c:pt idx="29">
                  <c:v>43859</c:v>
                </c:pt>
                <c:pt idx="30">
                  <c:v>43860</c:v>
                </c:pt>
                <c:pt idx="31">
                  <c:v>43861</c:v>
                </c:pt>
                <c:pt idx="32">
                  <c:v>43862</c:v>
                </c:pt>
                <c:pt idx="33">
                  <c:v>43863</c:v>
                </c:pt>
                <c:pt idx="34">
                  <c:v>43864</c:v>
                </c:pt>
                <c:pt idx="35">
                  <c:v>43865</c:v>
                </c:pt>
                <c:pt idx="36">
                  <c:v>43866</c:v>
                </c:pt>
                <c:pt idx="37">
                  <c:v>43867</c:v>
                </c:pt>
                <c:pt idx="38">
                  <c:v>43868</c:v>
                </c:pt>
                <c:pt idx="39">
                  <c:v>43869</c:v>
                </c:pt>
                <c:pt idx="40">
                  <c:v>43870</c:v>
                </c:pt>
                <c:pt idx="41">
                  <c:v>43871</c:v>
                </c:pt>
              </c:numCache>
            </c:numRef>
          </c:cat>
          <c:val>
            <c:numRef>
              <c:f>'total from NHC (as of 10 Feb)'!$B$2:$B$43</c:f>
              <c:numCache>
                <c:formatCode>General</c:formatCode>
                <c:ptCount val="42"/>
                <c:pt idx="10">
                  <c:v>41</c:v>
                </c:pt>
                <c:pt idx="11">
                  <c:v>41</c:v>
                </c:pt>
                <c:pt idx="12">
                  <c:v>41</c:v>
                </c:pt>
                <c:pt idx="13">
                  <c:v>41</c:v>
                </c:pt>
                <c:pt idx="14">
                  <c:v>41</c:v>
                </c:pt>
                <c:pt idx="15">
                  <c:v>41</c:v>
                </c:pt>
                <c:pt idx="16">
                  <c:v>45</c:v>
                </c:pt>
                <c:pt idx="17">
                  <c:v>62</c:v>
                </c:pt>
                <c:pt idx="18">
                  <c:v>121</c:v>
                </c:pt>
                <c:pt idx="19">
                  <c:v>198</c:v>
                </c:pt>
                <c:pt idx="20">
                  <c:v>291</c:v>
                </c:pt>
                <c:pt idx="21">
                  <c:v>440</c:v>
                </c:pt>
                <c:pt idx="22">
                  <c:v>571</c:v>
                </c:pt>
                <c:pt idx="23">
                  <c:v>830</c:v>
                </c:pt>
                <c:pt idx="24">
                  <c:v>1287</c:v>
                </c:pt>
                <c:pt idx="25">
                  <c:v>1975</c:v>
                </c:pt>
                <c:pt idx="26">
                  <c:v>2744</c:v>
                </c:pt>
                <c:pt idx="27">
                  <c:v>4515</c:v>
                </c:pt>
                <c:pt idx="28">
                  <c:v>5974</c:v>
                </c:pt>
                <c:pt idx="29">
                  <c:v>7711</c:v>
                </c:pt>
                <c:pt idx="30">
                  <c:v>9692</c:v>
                </c:pt>
                <c:pt idx="31">
                  <c:v>11791</c:v>
                </c:pt>
                <c:pt idx="32">
                  <c:v>14380</c:v>
                </c:pt>
                <c:pt idx="33">
                  <c:v>17205</c:v>
                </c:pt>
                <c:pt idx="34">
                  <c:v>20438</c:v>
                </c:pt>
                <c:pt idx="35">
                  <c:v>24324</c:v>
                </c:pt>
                <c:pt idx="36">
                  <c:v>28018</c:v>
                </c:pt>
                <c:pt idx="37">
                  <c:v>31161</c:v>
                </c:pt>
                <c:pt idx="38">
                  <c:v>34546</c:v>
                </c:pt>
                <c:pt idx="39">
                  <c:v>37198</c:v>
                </c:pt>
                <c:pt idx="40">
                  <c:v>40171</c:v>
                </c:pt>
                <c:pt idx="41">
                  <c:v>4263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B376-4511-BEC8-2D3EDE6683E9}"/>
            </c:ext>
          </c:extLst>
        </c:ser>
        <c:ser>
          <c:idx val="1"/>
          <c:order val="1"/>
          <c:tx>
            <c:strRef>
              <c:f>'total from NHC (as of 10 Feb)'!$E$1</c:f>
              <c:strCache>
                <c:ptCount val="1"/>
                <c:pt idx="0">
                  <c:v>suspected (current)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total from NHC (as of 10 Feb)'!$A$2:$A$43</c:f>
              <c:numCache>
                <c:formatCode>m/d/yyyy</c:formatCode>
                <c:ptCount val="42"/>
                <c:pt idx="0">
                  <c:v>43830</c:v>
                </c:pt>
                <c:pt idx="1">
                  <c:v>43831</c:v>
                </c:pt>
                <c:pt idx="2">
                  <c:v>43832</c:v>
                </c:pt>
                <c:pt idx="3">
                  <c:v>43833</c:v>
                </c:pt>
                <c:pt idx="4">
                  <c:v>43834</c:v>
                </c:pt>
                <c:pt idx="5">
                  <c:v>43835</c:v>
                </c:pt>
                <c:pt idx="6">
                  <c:v>43836</c:v>
                </c:pt>
                <c:pt idx="7">
                  <c:v>43837</c:v>
                </c:pt>
                <c:pt idx="8">
                  <c:v>43838</c:v>
                </c:pt>
                <c:pt idx="9">
                  <c:v>43839</c:v>
                </c:pt>
                <c:pt idx="10">
                  <c:v>43840</c:v>
                </c:pt>
                <c:pt idx="11">
                  <c:v>43841</c:v>
                </c:pt>
                <c:pt idx="12">
                  <c:v>43842</c:v>
                </c:pt>
                <c:pt idx="13">
                  <c:v>43843</c:v>
                </c:pt>
                <c:pt idx="14">
                  <c:v>43844</c:v>
                </c:pt>
                <c:pt idx="15">
                  <c:v>43845</c:v>
                </c:pt>
                <c:pt idx="16">
                  <c:v>43846</c:v>
                </c:pt>
                <c:pt idx="17">
                  <c:v>43847</c:v>
                </c:pt>
                <c:pt idx="18">
                  <c:v>43848</c:v>
                </c:pt>
                <c:pt idx="19">
                  <c:v>43849</c:v>
                </c:pt>
                <c:pt idx="20">
                  <c:v>43850</c:v>
                </c:pt>
                <c:pt idx="21">
                  <c:v>43851</c:v>
                </c:pt>
                <c:pt idx="22">
                  <c:v>43852</c:v>
                </c:pt>
                <c:pt idx="23">
                  <c:v>43853</c:v>
                </c:pt>
                <c:pt idx="24">
                  <c:v>43854</c:v>
                </c:pt>
                <c:pt idx="25">
                  <c:v>43855</c:v>
                </c:pt>
                <c:pt idx="26">
                  <c:v>43856</c:v>
                </c:pt>
                <c:pt idx="27">
                  <c:v>43857</c:v>
                </c:pt>
                <c:pt idx="28">
                  <c:v>43858</c:v>
                </c:pt>
                <c:pt idx="29">
                  <c:v>43859</c:v>
                </c:pt>
                <c:pt idx="30">
                  <c:v>43860</c:v>
                </c:pt>
                <c:pt idx="31">
                  <c:v>43861</c:v>
                </c:pt>
                <c:pt idx="32">
                  <c:v>43862</c:v>
                </c:pt>
                <c:pt idx="33">
                  <c:v>43863</c:v>
                </c:pt>
                <c:pt idx="34">
                  <c:v>43864</c:v>
                </c:pt>
                <c:pt idx="35">
                  <c:v>43865</c:v>
                </c:pt>
                <c:pt idx="36">
                  <c:v>43866</c:v>
                </c:pt>
                <c:pt idx="37">
                  <c:v>43867</c:v>
                </c:pt>
                <c:pt idx="38">
                  <c:v>43868</c:v>
                </c:pt>
                <c:pt idx="39">
                  <c:v>43869</c:v>
                </c:pt>
                <c:pt idx="40">
                  <c:v>43870</c:v>
                </c:pt>
                <c:pt idx="41">
                  <c:v>43871</c:v>
                </c:pt>
              </c:numCache>
            </c:numRef>
          </c:cat>
          <c:val>
            <c:numRef>
              <c:f>'total from NHC (as of 10 Feb)'!$E$2:$E$43</c:f>
              <c:numCache>
                <c:formatCode>General</c:formatCode>
                <c:ptCount val="42"/>
                <c:pt idx="0">
                  <c:v>27</c:v>
                </c:pt>
                <c:pt idx="1">
                  <c:v>27</c:v>
                </c:pt>
                <c:pt idx="2">
                  <c:v>27</c:v>
                </c:pt>
                <c:pt idx="3">
                  <c:v>44</c:v>
                </c:pt>
                <c:pt idx="4">
                  <c:v>44</c:v>
                </c:pt>
                <c:pt idx="5">
                  <c:v>59</c:v>
                </c:pt>
                <c:pt idx="6">
                  <c:v>59</c:v>
                </c:pt>
                <c:pt idx="7">
                  <c:v>59</c:v>
                </c:pt>
                <c:pt idx="8">
                  <c:v>59</c:v>
                </c:pt>
                <c:pt idx="9">
                  <c:v>59</c:v>
                </c:pt>
                <c:pt idx="20">
                  <c:v>54</c:v>
                </c:pt>
                <c:pt idx="22">
                  <c:v>393</c:v>
                </c:pt>
                <c:pt idx="23">
                  <c:v>1072</c:v>
                </c:pt>
                <c:pt idx="24">
                  <c:v>1965</c:v>
                </c:pt>
                <c:pt idx="25">
                  <c:v>2684</c:v>
                </c:pt>
                <c:pt idx="26">
                  <c:v>5794</c:v>
                </c:pt>
                <c:pt idx="27">
                  <c:v>6973</c:v>
                </c:pt>
                <c:pt idx="28">
                  <c:v>9239</c:v>
                </c:pt>
                <c:pt idx="29">
                  <c:v>12167</c:v>
                </c:pt>
                <c:pt idx="30">
                  <c:v>15238</c:v>
                </c:pt>
                <c:pt idx="31">
                  <c:v>17988</c:v>
                </c:pt>
                <c:pt idx="32">
                  <c:v>19544</c:v>
                </c:pt>
                <c:pt idx="33">
                  <c:v>21558</c:v>
                </c:pt>
                <c:pt idx="34">
                  <c:v>23214</c:v>
                </c:pt>
                <c:pt idx="35">
                  <c:v>23260</c:v>
                </c:pt>
                <c:pt idx="36">
                  <c:v>24702</c:v>
                </c:pt>
                <c:pt idx="37">
                  <c:v>26359</c:v>
                </c:pt>
                <c:pt idx="38">
                  <c:v>27657</c:v>
                </c:pt>
                <c:pt idx="39">
                  <c:v>28942</c:v>
                </c:pt>
                <c:pt idx="40">
                  <c:v>23589</c:v>
                </c:pt>
                <c:pt idx="41">
                  <c:v>2167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376-4511-BEC8-2D3EDE6683E9}"/>
            </c:ext>
          </c:extLst>
        </c:ser>
        <c:ser>
          <c:idx val="2"/>
          <c:order val="2"/>
          <c:tx>
            <c:strRef>
              <c:f>'total from NHC (as of 10 Feb)'!$G$1</c:f>
              <c:strCache>
                <c:ptCount val="1"/>
                <c:pt idx="0">
                  <c:v>deaths (cumulative)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'total from NHC (as of 10 Feb)'!$A$2:$A$43</c:f>
              <c:numCache>
                <c:formatCode>m/d/yyyy</c:formatCode>
                <c:ptCount val="42"/>
                <c:pt idx="0">
                  <c:v>43830</c:v>
                </c:pt>
                <c:pt idx="1">
                  <c:v>43831</c:v>
                </c:pt>
                <c:pt idx="2">
                  <c:v>43832</c:v>
                </c:pt>
                <c:pt idx="3">
                  <c:v>43833</c:v>
                </c:pt>
                <c:pt idx="4">
                  <c:v>43834</c:v>
                </c:pt>
                <c:pt idx="5">
                  <c:v>43835</c:v>
                </c:pt>
                <c:pt idx="6">
                  <c:v>43836</c:v>
                </c:pt>
                <c:pt idx="7">
                  <c:v>43837</c:v>
                </c:pt>
                <c:pt idx="8">
                  <c:v>43838</c:v>
                </c:pt>
                <c:pt idx="9">
                  <c:v>43839</c:v>
                </c:pt>
                <c:pt idx="10">
                  <c:v>43840</c:v>
                </c:pt>
                <c:pt idx="11">
                  <c:v>43841</c:v>
                </c:pt>
                <c:pt idx="12">
                  <c:v>43842</c:v>
                </c:pt>
                <c:pt idx="13">
                  <c:v>43843</c:v>
                </c:pt>
                <c:pt idx="14">
                  <c:v>43844</c:v>
                </c:pt>
                <c:pt idx="15">
                  <c:v>43845</c:v>
                </c:pt>
                <c:pt idx="16">
                  <c:v>43846</c:v>
                </c:pt>
                <c:pt idx="17">
                  <c:v>43847</c:v>
                </c:pt>
                <c:pt idx="18">
                  <c:v>43848</c:v>
                </c:pt>
                <c:pt idx="19">
                  <c:v>43849</c:v>
                </c:pt>
                <c:pt idx="20">
                  <c:v>43850</c:v>
                </c:pt>
                <c:pt idx="21">
                  <c:v>43851</c:v>
                </c:pt>
                <c:pt idx="22">
                  <c:v>43852</c:v>
                </c:pt>
                <c:pt idx="23">
                  <c:v>43853</c:v>
                </c:pt>
                <c:pt idx="24">
                  <c:v>43854</c:v>
                </c:pt>
                <c:pt idx="25">
                  <c:v>43855</c:v>
                </c:pt>
                <c:pt idx="26">
                  <c:v>43856</c:v>
                </c:pt>
                <c:pt idx="27">
                  <c:v>43857</c:v>
                </c:pt>
                <c:pt idx="28">
                  <c:v>43858</c:v>
                </c:pt>
                <c:pt idx="29">
                  <c:v>43859</c:v>
                </c:pt>
                <c:pt idx="30">
                  <c:v>43860</c:v>
                </c:pt>
                <c:pt idx="31">
                  <c:v>43861</c:v>
                </c:pt>
                <c:pt idx="32">
                  <c:v>43862</c:v>
                </c:pt>
                <c:pt idx="33">
                  <c:v>43863</c:v>
                </c:pt>
                <c:pt idx="34">
                  <c:v>43864</c:v>
                </c:pt>
                <c:pt idx="35">
                  <c:v>43865</c:v>
                </c:pt>
                <c:pt idx="36">
                  <c:v>43866</c:v>
                </c:pt>
                <c:pt idx="37">
                  <c:v>43867</c:v>
                </c:pt>
                <c:pt idx="38">
                  <c:v>43868</c:v>
                </c:pt>
                <c:pt idx="39">
                  <c:v>43869</c:v>
                </c:pt>
                <c:pt idx="40">
                  <c:v>43870</c:v>
                </c:pt>
                <c:pt idx="41">
                  <c:v>43871</c:v>
                </c:pt>
              </c:numCache>
            </c:numRef>
          </c:cat>
          <c:val>
            <c:numRef>
              <c:f>'total from NHC (as of 10 Feb)'!$G$2:$G$43</c:f>
              <c:numCache>
                <c:formatCode>General</c:formatCode>
                <c:ptCount val="42"/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2</c:v>
                </c:pt>
                <c:pt idx="16">
                  <c:v>2</c:v>
                </c:pt>
                <c:pt idx="17">
                  <c:v>2</c:v>
                </c:pt>
                <c:pt idx="18">
                  <c:v>3</c:v>
                </c:pt>
                <c:pt idx="19">
                  <c:v>3</c:v>
                </c:pt>
                <c:pt idx="21">
                  <c:v>9</c:v>
                </c:pt>
                <c:pt idx="22">
                  <c:v>17</c:v>
                </c:pt>
                <c:pt idx="23">
                  <c:v>25</c:v>
                </c:pt>
                <c:pt idx="24">
                  <c:v>41</c:v>
                </c:pt>
                <c:pt idx="25">
                  <c:v>56</c:v>
                </c:pt>
                <c:pt idx="26">
                  <c:v>80</c:v>
                </c:pt>
                <c:pt idx="27">
                  <c:v>106</c:v>
                </c:pt>
                <c:pt idx="28">
                  <c:v>132</c:v>
                </c:pt>
                <c:pt idx="29">
                  <c:v>170</c:v>
                </c:pt>
                <c:pt idx="30">
                  <c:v>213</c:v>
                </c:pt>
                <c:pt idx="31">
                  <c:v>259</c:v>
                </c:pt>
                <c:pt idx="32">
                  <c:v>304</c:v>
                </c:pt>
                <c:pt idx="33">
                  <c:v>361</c:v>
                </c:pt>
                <c:pt idx="34">
                  <c:v>425</c:v>
                </c:pt>
                <c:pt idx="35">
                  <c:v>490</c:v>
                </c:pt>
                <c:pt idx="36">
                  <c:v>563</c:v>
                </c:pt>
                <c:pt idx="37">
                  <c:v>636</c:v>
                </c:pt>
                <c:pt idx="38">
                  <c:v>722</c:v>
                </c:pt>
                <c:pt idx="39">
                  <c:v>811</c:v>
                </c:pt>
                <c:pt idx="40">
                  <c:v>908</c:v>
                </c:pt>
                <c:pt idx="41">
                  <c:v>101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B376-4511-BEC8-2D3EDE6683E9}"/>
            </c:ext>
          </c:extLst>
        </c:ser>
        <c:ser>
          <c:idx val="3"/>
          <c:order val="3"/>
          <c:tx>
            <c:strRef>
              <c:f>'total from NHC (as of 10 Feb)'!$J$1</c:f>
              <c:strCache>
                <c:ptCount val="1"/>
                <c:pt idx="0">
                  <c:v>recovered (cumulative)</c:v>
                </c:pt>
              </c:strCache>
            </c:strRef>
          </c:tx>
          <c:spPr>
            <a:ln w="28575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cat>
            <c:numRef>
              <c:f>'total from NHC (as of 10 Feb)'!$A$2:$A$43</c:f>
              <c:numCache>
                <c:formatCode>m/d/yyyy</c:formatCode>
                <c:ptCount val="42"/>
                <c:pt idx="0">
                  <c:v>43830</c:v>
                </c:pt>
                <c:pt idx="1">
                  <c:v>43831</c:v>
                </c:pt>
                <c:pt idx="2">
                  <c:v>43832</c:v>
                </c:pt>
                <c:pt idx="3">
                  <c:v>43833</c:v>
                </c:pt>
                <c:pt idx="4">
                  <c:v>43834</c:v>
                </c:pt>
                <c:pt idx="5">
                  <c:v>43835</c:v>
                </c:pt>
                <c:pt idx="6">
                  <c:v>43836</c:v>
                </c:pt>
                <c:pt idx="7">
                  <c:v>43837</c:v>
                </c:pt>
                <c:pt idx="8">
                  <c:v>43838</c:v>
                </c:pt>
                <c:pt idx="9">
                  <c:v>43839</c:v>
                </c:pt>
                <c:pt idx="10">
                  <c:v>43840</c:v>
                </c:pt>
                <c:pt idx="11">
                  <c:v>43841</c:v>
                </c:pt>
                <c:pt idx="12">
                  <c:v>43842</c:v>
                </c:pt>
                <c:pt idx="13">
                  <c:v>43843</c:v>
                </c:pt>
                <c:pt idx="14">
                  <c:v>43844</c:v>
                </c:pt>
                <c:pt idx="15">
                  <c:v>43845</c:v>
                </c:pt>
                <c:pt idx="16">
                  <c:v>43846</c:v>
                </c:pt>
                <c:pt idx="17">
                  <c:v>43847</c:v>
                </c:pt>
                <c:pt idx="18">
                  <c:v>43848</c:v>
                </c:pt>
                <c:pt idx="19">
                  <c:v>43849</c:v>
                </c:pt>
                <c:pt idx="20">
                  <c:v>43850</c:v>
                </c:pt>
                <c:pt idx="21">
                  <c:v>43851</c:v>
                </c:pt>
                <c:pt idx="22">
                  <c:v>43852</c:v>
                </c:pt>
                <c:pt idx="23">
                  <c:v>43853</c:v>
                </c:pt>
                <c:pt idx="24">
                  <c:v>43854</c:v>
                </c:pt>
                <c:pt idx="25">
                  <c:v>43855</c:v>
                </c:pt>
                <c:pt idx="26">
                  <c:v>43856</c:v>
                </c:pt>
                <c:pt idx="27">
                  <c:v>43857</c:v>
                </c:pt>
                <c:pt idx="28">
                  <c:v>43858</c:v>
                </c:pt>
                <c:pt idx="29">
                  <c:v>43859</c:v>
                </c:pt>
                <c:pt idx="30">
                  <c:v>43860</c:v>
                </c:pt>
                <c:pt idx="31">
                  <c:v>43861</c:v>
                </c:pt>
                <c:pt idx="32">
                  <c:v>43862</c:v>
                </c:pt>
                <c:pt idx="33">
                  <c:v>43863</c:v>
                </c:pt>
                <c:pt idx="34">
                  <c:v>43864</c:v>
                </c:pt>
                <c:pt idx="35">
                  <c:v>43865</c:v>
                </c:pt>
                <c:pt idx="36">
                  <c:v>43866</c:v>
                </c:pt>
                <c:pt idx="37">
                  <c:v>43867</c:v>
                </c:pt>
                <c:pt idx="38">
                  <c:v>43868</c:v>
                </c:pt>
                <c:pt idx="39">
                  <c:v>43869</c:v>
                </c:pt>
                <c:pt idx="40">
                  <c:v>43870</c:v>
                </c:pt>
                <c:pt idx="41">
                  <c:v>43871</c:v>
                </c:pt>
              </c:numCache>
            </c:numRef>
          </c:cat>
          <c:val>
            <c:numRef>
              <c:f>'total from NHC (as of 10 Feb)'!$J$2:$J$43</c:f>
              <c:numCache>
                <c:formatCode>General</c:formatCode>
                <c:ptCount val="42"/>
                <c:pt idx="10">
                  <c:v>2</c:v>
                </c:pt>
                <c:pt idx="11">
                  <c:v>6</c:v>
                </c:pt>
                <c:pt idx="12">
                  <c:v>7</c:v>
                </c:pt>
                <c:pt idx="13">
                  <c:v>7</c:v>
                </c:pt>
                <c:pt idx="14">
                  <c:v>7</c:v>
                </c:pt>
                <c:pt idx="15">
                  <c:v>12</c:v>
                </c:pt>
                <c:pt idx="16">
                  <c:v>15</c:v>
                </c:pt>
                <c:pt idx="17">
                  <c:v>19</c:v>
                </c:pt>
                <c:pt idx="18">
                  <c:v>24</c:v>
                </c:pt>
                <c:pt idx="19">
                  <c:v>25</c:v>
                </c:pt>
                <c:pt idx="23">
                  <c:v>34</c:v>
                </c:pt>
                <c:pt idx="24">
                  <c:v>38</c:v>
                </c:pt>
                <c:pt idx="25">
                  <c:v>49</c:v>
                </c:pt>
                <c:pt idx="26">
                  <c:v>51</c:v>
                </c:pt>
                <c:pt idx="27">
                  <c:v>60</c:v>
                </c:pt>
                <c:pt idx="28">
                  <c:v>103</c:v>
                </c:pt>
                <c:pt idx="29">
                  <c:v>124</c:v>
                </c:pt>
                <c:pt idx="30">
                  <c:v>171</c:v>
                </c:pt>
                <c:pt idx="31">
                  <c:v>243</c:v>
                </c:pt>
                <c:pt idx="32">
                  <c:v>328</c:v>
                </c:pt>
                <c:pt idx="33">
                  <c:v>475</c:v>
                </c:pt>
                <c:pt idx="34">
                  <c:v>632</c:v>
                </c:pt>
                <c:pt idx="35">
                  <c:v>892</c:v>
                </c:pt>
                <c:pt idx="36">
                  <c:v>1153</c:v>
                </c:pt>
                <c:pt idx="37">
                  <c:v>1540</c:v>
                </c:pt>
                <c:pt idx="38">
                  <c:v>2050</c:v>
                </c:pt>
                <c:pt idx="39">
                  <c:v>2649</c:v>
                </c:pt>
                <c:pt idx="40">
                  <c:v>3281</c:v>
                </c:pt>
                <c:pt idx="41">
                  <c:v>399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B376-4511-BEC8-2D3EDE6683E9}"/>
            </c:ext>
          </c:extLst>
        </c:ser>
        <c:ser>
          <c:idx val="4"/>
          <c:order val="4"/>
          <c:tx>
            <c:strRef>
              <c:f>'total from NHC (as of 10 Feb)'!$M$1</c:f>
              <c:strCache>
                <c:ptCount val="1"/>
                <c:pt idx="0">
                  <c:v>confirmed (current)</c:v>
                </c:pt>
              </c:strCache>
            </c:strRef>
          </c:tx>
          <c:spPr>
            <a:ln w="28575" cap="rnd">
              <a:solidFill>
                <a:schemeClr val="accent5"/>
              </a:solidFill>
              <a:round/>
            </a:ln>
            <a:effectLst/>
          </c:spPr>
          <c:marker>
            <c:symbol val="none"/>
          </c:marker>
          <c:cat>
            <c:numRef>
              <c:f>'total from NHC (as of 10 Feb)'!$A$2:$A$43</c:f>
              <c:numCache>
                <c:formatCode>m/d/yyyy</c:formatCode>
                <c:ptCount val="42"/>
                <c:pt idx="0">
                  <c:v>43830</c:v>
                </c:pt>
                <c:pt idx="1">
                  <c:v>43831</c:v>
                </c:pt>
                <c:pt idx="2">
                  <c:v>43832</c:v>
                </c:pt>
                <c:pt idx="3">
                  <c:v>43833</c:v>
                </c:pt>
                <c:pt idx="4">
                  <c:v>43834</c:v>
                </c:pt>
                <c:pt idx="5">
                  <c:v>43835</c:v>
                </c:pt>
                <c:pt idx="6">
                  <c:v>43836</c:v>
                </c:pt>
                <c:pt idx="7">
                  <c:v>43837</c:v>
                </c:pt>
                <c:pt idx="8">
                  <c:v>43838</c:v>
                </c:pt>
                <c:pt idx="9">
                  <c:v>43839</c:v>
                </c:pt>
                <c:pt idx="10">
                  <c:v>43840</c:v>
                </c:pt>
                <c:pt idx="11">
                  <c:v>43841</c:v>
                </c:pt>
                <c:pt idx="12">
                  <c:v>43842</c:v>
                </c:pt>
                <c:pt idx="13">
                  <c:v>43843</c:v>
                </c:pt>
                <c:pt idx="14">
                  <c:v>43844</c:v>
                </c:pt>
                <c:pt idx="15">
                  <c:v>43845</c:v>
                </c:pt>
                <c:pt idx="16">
                  <c:v>43846</c:v>
                </c:pt>
                <c:pt idx="17">
                  <c:v>43847</c:v>
                </c:pt>
                <c:pt idx="18">
                  <c:v>43848</c:v>
                </c:pt>
                <c:pt idx="19">
                  <c:v>43849</c:v>
                </c:pt>
                <c:pt idx="20">
                  <c:v>43850</c:v>
                </c:pt>
                <c:pt idx="21">
                  <c:v>43851</c:v>
                </c:pt>
                <c:pt idx="22">
                  <c:v>43852</c:v>
                </c:pt>
                <c:pt idx="23">
                  <c:v>43853</c:v>
                </c:pt>
                <c:pt idx="24">
                  <c:v>43854</c:v>
                </c:pt>
                <c:pt idx="25">
                  <c:v>43855</c:v>
                </c:pt>
                <c:pt idx="26">
                  <c:v>43856</c:v>
                </c:pt>
                <c:pt idx="27">
                  <c:v>43857</c:v>
                </c:pt>
                <c:pt idx="28">
                  <c:v>43858</c:v>
                </c:pt>
                <c:pt idx="29">
                  <c:v>43859</c:v>
                </c:pt>
                <c:pt idx="30">
                  <c:v>43860</c:v>
                </c:pt>
                <c:pt idx="31">
                  <c:v>43861</c:v>
                </c:pt>
                <c:pt idx="32">
                  <c:v>43862</c:v>
                </c:pt>
                <c:pt idx="33">
                  <c:v>43863</c:v>
                </c:pt>
                <c:pt idx="34">
                  <c:v>43864</c:v>
                </c:pt>
                <c:pt idx="35">
                  <c:v>43865</c:v>
                </c:pt>
                <c:pt idx="36">
                  <c:v>43866</c:v>
                </c:pt>
                <c:pt idx="37">
                  <c:v>43867</c:v>
                </c:pt>
                <c:pt idx="38">
                  <c:v>43868</c:v>
                </c:pt>
                <c:pt idx="39">
                  <c:v>43869</c:v>
                </c:pt>
                <c:pt idx="40">
                  <c:v>43870</c:v>
                </c:pt>
                <c:pt idx="41">
                  <c:v>43871</c:v>
                </c:pt>
              </c:numCache>
            </c:numRef>
          </c:cat>
          <c:val>
            <c:numRef>
              <c:f>'total from NHC (as of 10 Feb)'!$M$2:$M$43</c:f>
              <c:numCache>
                <c:formatCode>General</c:formatCode>
                <c:ptCount val="42"/>
                <c:pt idx="23">
                  <c:v>771</c:v>
                </c:pt>
                <c:pt idx="24">
                  <c:v>1208</c:v>
                </c:pt>
                <c:pt idx="25">
                  <c:v>1870</c:v>
                </c:pt>
                <c:pt idx="26">
                  <c:v>2613</c:v>
                </c:pt>
                <c:pt idx="27">
                  <c:v>4349</c:v>
                </c:pt>
                <c:pt idx="28">
                  <c:v>5739</c:v>
                </c:pt>
                <c:pt idx="29">
                  <c:v>7417</c:v>
                </c:pt>
                <c:pt idx="30">
                  <c:v>9308</c:v>
                </c:pt>
                <c:pt idx="31">
                  <c:v>11289</c:v>
                </c:pt>
                <c:pt idx="32">
                  <c:v>13748</c:v>
                </c:pt>
                <c:pt idx="33">
                  <c:v>16369</c:v>
                </c:pt>
                <c:pt idx="34">
                  <c:v>19381</c:v>
                </c:pt>
                <c:pt idx="35">
                  <c:v>22942</c:v>
                </c:pt>
                <c:pt idx="36">
                  <c:v>26302</c:v>
                </c:pt>
                <c:pt idx="37">
                  <c:v>28985</c:v>
                </c:pt>
                <c:pt idx="38">
                  <c:v>31774</c:v>
                </c:pt>
                <c:pt idx="39">
                  <c:v>33738</c:v>
                </c:pt>
                <c:pt idx="40">
                  <c:v>35982</c:v>
                </c:pt>
                <c:pt idx="41">
                  <c:v>3762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B376-4511-BEC8-2D3EDE6683E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636895872"/>
        <c:axId val="1636898784"/>
      </c:lineChart>
      <c:dateAx>
        <c:axId val="1636895872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36898784"/>
        <c:crosses val="autoZero"/>
        <c:auto val="1"/>
        <c:lblOffset val="100"/>
        <c:baseTimeUnit val="days"/>
      </c:dateAx>
      <c:valAx>
        <c:axId val="163689878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3689587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total from NHC (as of 10 Feb)'!$O$1</c:f>
              <c:strCache>
                <c:ptCount val="1"/>
                <c:pt idx="0">
                  <c:v>close contacts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'total from NHC (as of 10 Feb)'!$A$2:$A$43</c:f>
              <c:numCache>
                <c:formatCode>m/d/yyyy</c:formatCode>
                <c:ptCount val="42"/>
                <c:pt idx="0">
                  <c:v>43830</c:v>
                </c:pt>
                <c:pt idx="1">
                  <c:v>43831</c:v>
                </c:pt>
                <c:pt idx="2">
                  <c:v>43832</c:v>
                </c:pt>
                <c:pt idx="3">
                  <c:v>43833</c:v>
                </c:pt>
                <c:pt idx="4">
                  <c:v>43834</c:v>
                </c:pt>
                <c:pt idx="5">
                  <c:v>43835</c:v>
                </c:pt>
                <c:pt idx="6">
                  <c:v>43836</c:v>
                </c:pt>
                <c:pt idx="7">
                  <c:v>43837</c:v>
                </c:pt>
                <c:pt idx="8">
                  <c:v>43838</c:v>
                </c:pt>
                <c:pt idx="9">
                  <c:v>43839</c:v>
                </c:pt>
                <c:pt idx="10">
                  <c:v>43840</c:v>
                </c:pt>
                <c:pt idx="11">
                  <c:v>43841</c:v>
                </c:pt>
                <c:pt idx="12">
                  <c:v>43842</c:v>
                </c:pt>
                <c:pt idx="13">
                  <c:v>43843</c:v>
                </c:pt>
                <c:pt idx="14">
                  <c:v>43844</c:v>
                </c:pt>
                <c:pt idx="15">
                  <c:v>43845</c:v>
                </c:pt>
                <c:pt idx="16">
                  <c:v>43846</c:v>
                </c:pt>
                <c:pt idx="17">
                  <c:v>43847</c:v>
                </c:pt>
                <c:pt idx="18">
                  <c:v>43848</c:v>
                </c:pt>
                <c:pt idx="19">
                  <c:v>43849</c:v>
                </c:pt>
                <c:pt idx="20">
                  <c:v>43850</c:v>
                </c:pt>
                <c:pt idx="21">
                  <c:v>43851</c:v>
                </c:pt>
                <c:pt idx="22">
                  <c:v>43852</c:v>
                </c:pt>
                <c:pt idx="23">
                  <c:v>43853</c:v>
                </c:pt>
                <c:pt idx="24">
                  <c:v>43854</c:v>
                </c:pt>
                <c:pt idx="25">
                  <c:v>43855</c:v>
                </c:pt>
                <c:pt idx="26">
                  <c:v>43856</c:v>
                </c:pt>
                <c:pt idx="27">
                  <c:v>43857</c:v>
                </c:pt>
                <c:pt idx="28">
                  <c:v>43858</c:v>
                </c:pt>
                <c:pt idx="29">
                  <c:v>43859</c:v>
                </c:pt>
                <c:pt idx="30">
                  <c:v>43860</c:v>
                </c:pt>
                <c:pt idx="31">
                  <c:v>43861</c:v>
                </c:pt>
                <c:pt idx="32">
                  <c:v>43862</c:v>
                </c:pt>
                <c:pt idx="33">
                  <c:v>43863</c:v>
                </c:pt>
                <c:pt idx="34">
                  <c:v>43864</c:v>
                </c:pt>
                <c:pt idx="35">
                  <c:v>43865</c:v>
                </c:pt>
                <c:pt idx="36">
                  <c:v>43866</c:v>
                </c:pt>
                <c:pt idx="37">
                  <c:v>43867</c:v>
                </c:pt>
                <c:pt idx="38">
                  <c:v>43868</c:v>
                </c:pt>
                <c:pt idx="39">
                  <c:v>43869</c:v>
                </c:pt>
                <c:pt idx="40">
                  <c:v>43870</c:v>
                </c:pt>
                <c:pt idx="41">
                  <c:v>43871</c:v>
                </c:pt>
              </c:numCache>
            </c:numRef>
          </c:cat>
          <c:val>
            <c:numRef>
              <c:f>'total from NHC (as of 10 Feb)'!$O$2:$O$43</c:f>
              <c:numCache>
                <c:formatCode>General</c:formatCode>
                <c:ptCount val="42"/>
                <c:pt idx="10">
                  <c:v>739</c:v>
                </c:pt>
                <c:pt idx="11">
                  <c:v>763</c:v>
                </c:pt>
                <c:pt idx="12">
                  <c:v>763</c:v>
                </c:pt>
                <c:pt idx="13">
                  <c:v>763</c:v>
                </c:pt>
                <c:pt idx="14">
                  <c:v>763</c:v>
                </c:pt>
                <c:pt idx="15">
                  <c:v>763</c:v>
                </c:pt>
                <c:pt idx="16">
                  <c:v>763</c:v>
                </c:pt>
                <c:pt idx="17">
                  <c:v>763</c:v>
                </c:pt>
                <c:pt idx="19">
                  <c:v>817</c:v>
                </c:pt>
                <c:pt idx="20">
                  <c:v>1739</c:v>
                </c:pt>
                <c:pt idx="21">
                  <c:v>2197</c:v>
                </c:pt>
                <c:pt idx="22">
                  <c:v>5897</c:v>
                </c:pt>
                <c:pt idx="23">
                  <c:v>9507</c:v>
                </c:pt>
                <c:pt idx="24">
                  <c:v>15197</c:v>
                </c:pt>
                <c:pt idx="25">
                  <c:v>23431</c:v>
                </c:pt>
                <c:pt idx="26">
                  <c:v>32799</c:v>
                </c:pt>
                <c:pt idx="27">
                  <c:v>47833</c:v>
                </c:pt>
                <c:pt idx="28">
                  <c:v>65537</c:v>
                </c:pt>
                <c:pt idx="29">
                  <c:v>88693</c:v>
                </c:pt>
                <c:pt idx="30">
                  <c:v>113579</c:v>
                </c:pt>
                <c:pt idx="31">
                  <c:v>136987</c:v>
                </c:pt>
                <c:pt idx="32">
                  <c:v>163844</c:v>
                </c:pt>
                <c:pt idx="33">
                  <c:v>189583</c:v>
                </c:pt>
                <c:pt idx="34">
                  <c:v>221015</c:v>
                </c:pt>
                <c:pt idx="35">
                  <c:v>252154</c:v>
                </c:pt>
                <c:pt idx="36">
                  <c:v>282813</c:v>
                </c:pt>
                <c:pt idx="37">
                  <c:v>314028</c:v>
                </c:pt>
                <c:pt idx="38">
                  <c:v>345498</c:v>
                </c:pt>
                <c:pt idx="39">
                  <c:v>371905</c:v>
                </c:pt>
                <c:pt idx="40">
                  <c:v>399487</c:v>
                </c:pt>
                <c:pt idx="41">
                  <c:v>42843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2E3-4725-BDF5-16FB375DFFAF}"/>
            </c:ext>
          </c:extLst>
        </c:ser>
        <c:ser>
          <c:idx val="1"/>
          <c:order val="1"/>
          <c:tx>
            <c:strRef>
              <c:f>'total from NHC (as of 10 Feb)'!$P$1</c:f>
              <c:strCache>
                <c:ptCount val="1"/>
                <c:pt idx="0">
                  <c:v>Quarantined (current)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total from NHC (as of 10 Feb)'!$A$2:$A$43</c:f>
              <c:numCache>
                <c:formatCode>m/d/yyyy</c:formatCode>
                <c:ptCount val="42"/>
                <c:pt idx="0">
                  <c:v>43830</c:v>
                </c:pt>
                <c:pt idx="1">
                  <c:v>43831</c:v>
                </c:pt>
                <c:pt idx="2">
                  <c:v>43832</c:v>
                </c:pt>
                <c:pt idx="3">
                  <c:v>43833</c:v>
                </c:pt>
                <c:pt idx="4">
                  <c:v>43834</c:v>
                </c:pt>
                <c:pt idx="5">
                  <c:v>43835</c:v>
                </c:pt>
                <c:pt idx="6">
                  <c:v>43836</c:v>
                </c:pt>
                <c:pt idx="7">
                  <c:v>43837</c:v>
                </c:pt>
                <c:pt idx="8">
                  <c:v>43838</c:v>
                </c:pt>
                <c:pt idx="9">
                  <c:v>43839</c:v>
                </c:pt>
                <c:pt idx="10">
                  <c:v>43840</c:v>
                </c:pt>
                <c:pt idx="11">
                  <c:v>43841</c:v>
                </c:pt>
                <c:pt idx="12">
                  <c:v>43842</c:v>
                </c:pt>
                <c:pt idx="13">
                  <c:v>43843</c:v>
                </c:pt>
                <c:pt idx="14">
                  <c:v>43844</c:v>
                </c:pt>
                <c:pt idx="15">
                  <c:v>43845</c:v>
                </c:pt>
                <c:pt idx="16">
                  <c:v>43846</c:v>
                </c:pt>
                <c:pt idx="17">
                  <c:v>43847</c:v>
                </c:pt>
                <c:pt idx="18">
                  <c:v>43848</c:v>
                </c:pt>
                <c:pt idx="19">
                  <c:v>43849</c:v>
                </c:pt>
                <c:pt idx="20">
                  <c:v>43850</c:v>
                </c:pt>
                <c:pt idx="21">
                  <c:v>43851</c:v>
                </c:pt>
                <c:pt idx="22">
                  <c:v>43852</c:v>
                </c:pt>
                <c:pt idx="23">
                  <c:v>43853</c:v>
                </c:pt>
                <c:pt idx="24">
                  <c:v>43854</c:v>
                </c:pt>
                <c:pt idx="25">
                  <c:v>43855</c:v>
                </c:pt>
                <c:pt idx="26">
                  <c:v>43856</c:v>
                </c:pt>
                <c:pt idx="27">
                  <c:v>43857</c:v>
                </c:pt>
                <c:pt idx="28">
                  <c:v>43858</c:v>
                </c:pt>
                <c:pt idx="29">
                  <c:v>43859</c:v>
                </c:pt>
                <c:pt idx="30">
                  <c:v>43860</c:v>
                </c:pt>
                <c:pt idx="31">
                  <c:v>43861</c:v>
                </c:pt>
                <c:pt idx="32">
                  <c:v>43862</c:v>
                </c:pt>
                <c:pt idx="33">
                  <c:v>43863</c:v>
                </c:pt>
                <c:pt idx="34">
                  <c:v>43864</c:v>
                </c:pt>
                <c:pt idx="35">
                  <c:v>43865</c:v>
                </c:pt>
                <c:pt idx="36">
                  <c:v>43866</c:v>
                </c:pt>
                <c:pt idx="37">
                  <c:v>43867</c:v>
                </c:pt>
                <c:pt idx="38">
                  <c:v>43868</c:v>
                </c:pt>
                <c:pt idx="39">
                  <c:v>43869</c:v>
                </c:pt>
                <c:pt idx="40">
                  <c:v>43870</c:v>
                </c:pt>
                <c:pt idx="41">
                  <c:v>43871</c:v>
                </c:pt>
              </c:numCache>
            </c:numRef>
          </c:cat>
          <c:val>
            <c:numRef>
              <c:f>'total from NHC (as of 10 Feb)'!$P$2:$P$43</c:f>
              <c:numCache>
                <c:formatCode>General</c:formatCode>
                <c:ptCount val="42"/>
                <c:pt idx="11">
                  <c:v>717</c:v>
                </c:pt>
                <c:pt idx="12">
                  <c:v>687</c:v>
                </c:pt>
                <c:pt idx="13">
                  <c:v>576</c:v>
                </c:pt>
                <c:pt idx="14">
                  <c:v>313</c:v>
                </c:pt>
                <c:pt idx="15">
                  <c:v>119</c:v>
                </c:pt>
                <c:pt idx="16">
                  <c:v>98</c:v>
                </c:pt>
                <c:pt idx="17">
                  <c:v>82</c:v>
                </c:pt>
                <c:pt idx="19">
                  <c:v>90</c:v>
                </c:pt>
                <c:pt idx="20">
                  <c:v>922</c:v>
                </c:pt>
                <c:pt idx="21">
                  <c:v>1394</c:v>
                </c:pt>
                <c:pt idx="22">
                  <c:v>4928</c:v>
                </c:pt>
                <c:pt idx="23">
                  <c:v>8420</c:v>
                </c:pt>
                <c:pt idx="24">
                  <c:v>13967</c:v>
                </c:pt>
                <c:pt idx="25">
                  <c:v>21556</c:v>
                </c:pt>
                <c:pt idx="26">
                  <c:v>30453</c:v>
                </c:pt>
                <c:pt idx="27">
                  <c:v>44132</c:v>
                </c:pt>
                <c:pt idx="28">
                  <c:v>59990</c:v>
                </c:pt>
                <c:pt idx="29">
                  <c:v>81947</c:v>
                </c:pt>
                <c:pt idx="30">
                  <c:v>102427</c:v>
                </c:pt>
                <c:pt idx="31">
                  <c:v>118478</c:v>
                </c:pt>
                <c:pt idx="32">
                  <c:v>137594</c:v>
                </c:pt>
                <c:pt idx="33">
                  <c:v>152700</c:v>
                </c:pt>
                <c:pt idx="34">
                  <c:v>171329</c:v>
                </c:pt>
                <c:pt idx="35">
                  <c:v>185555</c:v>
                </c:pt>
                <c:pt idx="36">
                  <c:v>186354</c:v>
                </c:pt>
                <c:pt idx="37">
                  <c:v>186045</c:v>
                </c:pt>
                <c:pt idx="38">
                  <c:v>189660</c:v>
                </c:pt>
                <c:pt idx="39">
                  <c:v>188183</c:v>
                </c:pt>
                <c:pt idx="40">
                  <c:v>187518</c:v>
                </c:pt>
                <c:pt idx="41">
                  <c:v>18772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2E3-4725-BDF5-16FB375DFFA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640014720"/>
        <c:axId val="1640013472"/>
      </c:lineChart>
      <c:dateAx>
        <c:axId val="1640014720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40013472"/>
        <c:crosses val="autoZero"/>
        <c:auto val="1"/>
        <c:lblOffset val="100"/>
        <c:baseTimeUnit val="days"/>
      </c:dateAx>
      <c:valAx>
        <c:axId val="164001347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4001472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total from NHC (as of 10 Feb)'!$H$1</c:f>
              <c:strCache>
                <c:ptCount val="1"/>
                <c:pt idx="0">
                  <c:v>fatality rate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'total from NHC (as of 10 Feb)'!$A$2:$A$43</c:f>
              <c:numCache>
                <c:formatCode>m/d/yyyy</c:formatCode>
                <c:ptCount val="42"/>
                <c:pt idx="0">
                  <c:v>43830</c:v>
                </c:pt>
                <c:pt idx="1">
                  <c:v>43831</c:v>
                </c:pt>
                <c:pt idx="2">
                  <c:v>43832</c:v>
                </c:pt>
                <c:pt idx="3">
                  <c:v>43833</c:v>
                </c:pt>
                <c:pt idx="4">
                  <c:v>43834</c:v>
                </c:pt>
                <c:pt idx="5">
                  <c:v>43835</c:v>
                </c:pt>
                <c:pt idx="6">
                  <c:v>43836</c:v>
                </c:pt>
                <c:pt idx="7">
                  <c:v>43837</c:v>
                </c:pt>
                <c:pt idx="8">
                  <c:v>43838</c:v>
                </c:pt>
                <c:pt idx="9">
                  <c:v>43839</c:v>
                </c:pt>
                <c:pt idx="10">
                  <c:v>43840</c:v>
                </c:pt>
                <c:pt idx="11">
                  <c:v>43841</c:v>
                </c:pt>
                <c:pt idx="12">
                  <c:v>43842</c:v>
                </c:pt>
                <c:pt idx="13">
                  <c:v>43843</c:v>
                </c:pt>
                <c:pt idx="14">
                  <c:v>43844</c:v>
                </c:pt>
                <c:pt idx="15">
                  <c:v>43845</c:v>
                </c:pt>
                <c:pt idx="16">
                  <c:v>43846</c:v>
                </c:pt>
                <c:pt idx="17">
                  <c:v>43847</c:v>
                </c:pt>
                <c:pt idx="18">
                  <c:v>43848</c:v>
                </c:pt>
                <c:pt idx="19">
                  <c:v>43849</c:v>
                </c:pt>
                <c:pt idx="20">
                  <c:v>43850</c:v>
                </c:pt>
                <c:pt idx="21">
                  <c:v>43851</c:v>
                </c:pt>
                <c:pt idx="22">
                  <c:v>43852</c:v>
                </c:pt>
                <c:pt idx="23">
                  <c:v>43853</c:v>
                </c:pt>
                <c:pt idx="24">
                  <c:v>43854</c:v>
                </c:pt>
                <c:pt idx="25">
                  <c:v>43855</c:v>
                </c:pt>
                <c:pt idx="26">
                  <c:v>43856</c:v>
                </c:pt>
                <c:pt idx="27">
                  <c:v>43857</c:v>
                </c:pt>
                <c:pt idx="28">
                  <c:v>43858</c:v>
                </c:pt>
                <c:pt idx="29">
                  <c:v>43859</c:v>
                </c:pt>
                <c:pt idx="30">
                  <c:v>43860</c:v>
                </c:pt>
                <c:pt idx="31">
                  <c:v>43861</c:v>
                </c:pt>
                <c:pt idx="32">
                  <c:v>43862</c:v>
                </c:pt>
                <c:pt idx="33">
                  <c:v>43863</c:v>
                </c:pt>
                <c:pt idx="34">
                  <c:v>43864</c:v>
                </c:pt>
                <c:pt idx="35">
                  <c:v>43865</c:v>
                </c:pt>
                <c:pt idx="36">
                  <c:v>43866</c:v>
                </c:pt>
                <c:pt idx="37">
                  <c:v>43867</c:v>
                </c:pt>
                <c:pt idx="38">
                  <c:v>43868</c:v>
                </c:pt>
                <c:pt idx="39">
                  <c:v>43869</c:v>
                </c:pt>
                <c:pt idx="40">
                  <c:v>43870</c:v>
                </c:pt>
                <c:pt idx="41">
                  <c:v>43871</c:v>
                </c:pt>
              </c:numCache>
            </c:numRef>
          </c:cat>
          <c:val>
            <c:numRef>
              <c:f>'total from NHC (as of 10 Feb)'!$H$2:$H$43</c:f>
              <c:numCache>
                <c:formatCode>General</c:formatCode>
                <c:ptCount val="42"/>
                <c:pt idx="10">
                  <c:v>2.4390243999999998E-2</c:v>
                </c:pt>
                <c:pt idx="11">
                  <c:v>2.4390243999999998E-2</c:v>
                </c:pt>
                <c:pt idx="12">
                  <c:v>2.4390243999999998E-2</c:v>
                </c:pt>
                <c:pt idx="13">
                  <c:v>2.4390243999999998E-2</c:v>
                </c:pt>
                <c:pt idx="14">
                  <c:v>2.4390243999999998E-2</c:v>
                </c:pt>
                <c:pt idx="15">
                  <c:v>4.8780487999999997E-2</c:v>
                </c:pt>
                <c:pt idx="16">
                  <c:v>4.4444444E-2</c:v>
                </c:pt>
                <c:pt idx="17">
                  <c:v>3.2258065000000002E-2</c:v>
                </c:pt>
                <c:pt idx="18">
                  <c:v>2.4793388E-2</c:v>
                </c:pt>
                <c:pt idx="19">
                  <c:v>1.5151515000000001E-2</c:v>
                </c:pt>
                <c:pt idx="21">
                  <c:v>2.0454545000000001E-2</c:v>
                </c:pt>
                <c:pt idx="22">
                  <c:v>2.9772329E-2</c:v>
                </c:pt>
                <c:pt idx="23">
                  <c:v>3.0120482000000001E-2</c:v>
                </c:pt>
                <c:pt idx="24">
                  <c:v>3.1857032E-2</c:v>
                </c:pt>
                <c:pt idx="25">
                  <c:v>2.835443E-2</c:v>
                </c:pt>
                <c:pt idx="26">
                  <c:v>2.9154519E-2</c:v>
                </c:pt>
                <c:pt idx="27">
                  <c:v>2.3477298000000001E-2</c:v>
                </c:pt>
                <c:pt idx="28">
                  <c:v>2.2095747999999998E-2</c:v>
                </c:pt>
                <c:pt idx="29">
                  <c:v>2.2046427E-2</c:v>
                </c:pt>
                <c:pt idx="30">
                  <c:v>2.1976888E-2</c:v>
                </c:pt>
                <c:pt idx="31">
                  <c:v>2.1965906E-2</c:v>
                </c:pt>
                <c:pt idx="32">
                  <c:v>2.1140473E-2</c:v>
                </c:pt>
                <c:pt idx="33">
                  <c:v>2.0982272999999999E-2</c:v>
                </c:pt>
                <c:pt idx="34">
                  <c:v>2.0794598000000001E-2</c:v>
                </c:pt>
                <c:pt idx="35">
                  <c:v>2.0144713000000002E-2</c:v>
                </c:pt>
                <c:pt idx="36">
                  <c:v>2.0094225E-2</c:v>
                </c:pt>
                <c:pt idx="37">
                  <c:v>2.0410128E-2</c:v>
                </c:pt>
                <c:pt idx="38">
                  <c:v>2.0899669999999999E-2</c:v>
                </c:pt>
                <c:pt idx="39">
                  <c:v>2.1802247E-2</c:v>
                </c:pt>
                <c:pt idx="40">
                  <c:v>2.2603371000000001E-2</c:v>
                </c:pt>
                <c:pt idx="41">
                  <c:v>2.3828510000000001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ACD6-498B-BC68-3BB46034FE3C}"/>
            </c:ext>
          </c:extLst>
        </c:ser>
        <c:ser>
          <c:idx val="1"/>
          <c:order val="1"/>
          <c:tx>
            <c:strRef>
              <c:f>'total from NHC (as of 10 Feb)'!$K$1</c:f>
              <c:strCache>
                <c:ptCount val="1"/>
                <c:pt idx="0">
                  <c:v>recovery rate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total from NHC (as of 10 Feb)'!$A$2:$A$43</c:f>
              <c:numCache>
                <c:formatCode>m/d/yyyy</c:formatCode>
                <c:ptCount val="42"/>
                <c:pt idx="0">
                  <c:v>43830</c:v>
                </c:pt>
                <c:pt idx="1">
                  <c:v>43831</c:v>
                </c:pt>
                <c:pt idx="2">
                  <c:v>43832</c:v>
                </c:pt>
                <c:pt idx="3">
                  <c:v>43833</c:v>
                </c:pt>
                <c:pt idx="4">
                  <c:v>43834</c:v>
                </c:pt>
                <c:pt idx="5">
                  <c:v>43835</c:v>
                </c:pt>
                <c:pt idx="6">
                  <c:v>43836</c:v>
                </c:pt>
                <c:pt idx="7">
                  <c:v>43837</c:v>
                </c:pt>
                <c:pt idx="8">
                  <c:v>43838</c:v>
                </c:pt>
                <c:pt idx="9">
                  <c:v>43839</c:v>
                </c:pt>
                <c:pt idx="10">
                  <c:v>43840</c:v>
                </c:pt>
                <c:pt idx="11">
                  <c:v>43841</c:v>
                </c:pt>
                <c:pt idx="12">
                  <c:v>43842</c:v>
                </c:pt>
                <c:pt idx="13">
                  <c:v>43843</c:v>
                </c:pt>
                <c:pt idx="14">
                  <c:v>43844</c:v>
                </c:pt>
                <c:pt idx="15">
                  <c:v>43845</c:v>
                </c:pt>
                <c:pt idx="16">
                  <c:v>43846</c:v>
                </c:pt>
                <c:pt idx="17">
                  <c:v>43847</c:v>
                </c:pt>
                <c:pt idx="18">
                  <c:v>43848</c:v>
                </c:pt>
                <c:pt idx="19">
                  <c:v>43849</c:v>
                </c:pt>
                <c:pt idx="20">
                  <c:v>43850</c:v>
                </c:pt>
                <c:pt idx="21">
                  <c:v>43851</c:v>
                </c:pt>
                <c:pt idx="22">
                  <c:v>43852</c:v>
                </c:pt>
                <c:pt idx="23">
                  <c:v>43853</c:v>
                </c:pt>
                <c:pt idx="24">
                  <c:v>43854</c:v>
                </c:pt>
                <c:pt idx="25">
                  <c:v>43855</c:v>
                </c:pt>
                <c:pt idx="26">
                  <c:v>43856</c:v>
                </c:pt>
                <c:pt idx="27">
                  <c:v>43857</c:v>
                </c:pt>
                <c:pt idx="28">
                  <c:v>43858</c:v>
                </c:pt>
                <c:pt idx="29">
                  <c:v>43859</c:v>
                </c:pt>
                <c:pt idx="30">
                  <c:v>43860</c:v>
                </c:pt>
                <c:pt idx="31">
                  <c:v>43861</c:v>
                </c:pt>
                <c:pt idx="32">
                  <c:v>43862</c:v>
                </c:pt>
                <c:pt idx="33">
                  <c:v>43863</c:v>
                </c:pt>
                <c:pt idx="34">
                  <c:v>43864</c:v>
                </c:pt>
                <c:pt idx="35">
                  <c:v>43865</c:v>
                </c:pt>
                <c:pt idx="36">
                  <c:v>43866</c:v>
                </c:pt>
                <c:pt idx="37">
                  <c:v>43867</c:v>
                </c:pt>
                <c:pt idx="38">
                  <c:v>43868</c:v>
                </c:pt>
                <c:pt idx="39">
                  <c:v>43869</c:v>
                </c:pt>
                <c:pt idx="40">
                  <c:v>43870</c:v>
                </c:pt>
                <c:pt idx="41">
                  <c:v>43871</c:v>
                </c:pt>
              </c:numCache>
            </c:numRef>
          </c:cat>
          <c:val>
            <c:numRef>
              <c:f>'total from NHC (as of 10 Feb)'!$K$2:$K$43</c:f>
              <c:numCache>
                <c:formatCode>General</c:formatCode>
                <c:ptCount val="42"/>
                <c:pt idx="10">
                  <c:v>4.8780487999999997E-2</c:v>
                </c:pt>
                <c:pt idx="11">
                  <c:v>0.146341463</c:v>
                </c:pt>
                <c:pt idx="12">
                  <c:v>0.17073170700000001</c:v>
                </c:pt>
                <c:pt idx="13">
                  <c:v>0.17073170700000001</c:v>
                </c:pt>
                <c:pt idx="14">
                  <c:v>0.17073170700000001</c:v>
                </c:pt>
                <c:pt idx="15">
                  <c:v>0.29268292699999998</c:v>
                </c:pt>
                <c:pt idx="16">
                  <c:v>0.33333333300000001</c:v>
                </c:pt>
                <c:pt idx="17">
                  <c:v>0.30645161300000001</c:v>
                </c:pt>
                <c:pt idx="18">
                  <c:v>0.19834710699999999</c:v>
                </c:pt>
                <c:pt idx="19">
                  <c:v>0.12626262599999999</c:v>
                </c:pt>
                <c:pt idx="23">
                  <c:v>4.0963855E-2</c:v>
                </c:pt>
                <c:pt idx="24">
                  <c:v>2.9526030000000002E-2</c:v>
                </c:pt>
                <c:pt idx="25">
                  <c:v>2.4810127000000001E-2</c:v>
                </c:pt>
                <c:pt idx="26">
                  <c:v>1.8586005999999999E-2</c:v>
                </c:pt>
                <c:pt idx="27">
                  <c:v>1.3289037E-2</c:v>
                </c:pt>
                <c:pt idx="28">
                  <c:v>1.7241379000000001E-2</c:v>
                </c:pt>
                <c:pt idx="29">
                  <c:v>1.6080923E-2</c:v>
                </c:pt>
                <c:pt idx="30">
                  <c:v>1.7643417000000002E-2</c:v>
                </c:pt>
                <c:pt idx="31">
                  <c:v>2.0608939E-2</c:v>
                </c:pt>
                <c:pt idx="32">
                  <c:v>2.2809458000000001E-2</c:v>
                </c:pt>
                <c:pt idx="33">
                  <c:v>2.7608252999999999E-2</c:v>
                </c:pt>
                <c:pt idx="34">
                  <c:v>3.0922791000000002E-2</c:v>
                </c:pt>
                <c:pt idx="35">
                  <c:v>3.6671599999999999E-2</c:v>
                </c:pt>
                <c:pt idx="36">
                  <c:v>4.1152116000000002E-2</c:v>
                </c:pt>
                <c:pt idx="37">
                  <c:v>4.9420749999999999E-2</c:v>
                </c:pt>
                <c:pt idx="38">
                  <c:v>5.9341168E-2</c:v>
                </c:pt>
                <c:pt idx="39">
                  <c:v>7.1213505999999996E-2</c:v>
                </c:pt>
                <c:pt idx="40">
                  <c:v>8.1675836000000002E-2</c:v>
                </c:pt>
                <c:pt idx="41">
                  <c:v>9.3719218000000007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ACD6-498B-BC68-3BB46034FE3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637539104"/>
        <c:axId val="1637539936"/>
      </c:lineChart>
      <c:dateAx>
        <c:axId val="1637539104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37539936"/>
        <c:crosses val="autoZero"/>
        <c:auto val="1"/>
        <c:lblOffset val="100"/>
        <c:baseTimeUnit val="days"/>
      </c:dateAx>
      <c:valAx>
        <c:axId val="163753993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3753910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Sheet1!$C$1</c:f>
              <c:strCache>
                <c:ptCount val="1"/>
                <c:pt idx="0">
                  <c:v>cumulative deaths (Hubei)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m/d/yyyy</c:formatCode>
                <c:ptCount val="31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C$2:$C$32</c:f>
              <c:numCache>
                <c:formatCode>General</c:formatCode>
                <c:ptCount val="31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2</c:v>
                </c:pt>
                <c:pt idx="5">
                  <c:v>3</c:v>
                </c:pt>
                <c:pt idx="6">
                  <c:v>3</c:v>
                </c:pt>
                <c:pt idx="7">
                  <c:v>4</c:v>
                </c:pt>
                <c:pt idx="8">
                  <c:v>5</c:v>
                </c:pt>
                <c:pt idx="9">
                  <c:v>7</c:v>
                </c:pt>
                <c:pt idx="10">
                  <c:v>10</c:v>
                </c:pt>
                <c:pt idx="11">
                  <c:v>18</c:v>
                </c:pt>
                <c:pt idx="12">
                  <c:v>25</c:v>
                </c:pt>
                <c:pt idx="13">
                  <c:v>40</c:v>
                </c:pt>
                <c:pt idx="14">
                  <c:v>53</c:v>
                </c:pt>
                <c:pt idx="15">
                  <c:v>77</c:v>
                </c:pt>
                <c:pt idx="16">
                  <c:v>101</c:v>
                </c:pt>
                <c:pt idx="17">
                  <c:v>126</c:v>
                </c:pt>
                <c:pt idx="18">
                  <c:v>163</c:v>
                </c:pt>
                <c:pt idx="19">
                  <c:v>205</c:v>
                </c:pt>
                <c:pt idx="20">
                  <c:v>250</c:v>
                </c:pt>
                <c:pt idx="21">
                  <c:v>295</c:v>
                </c:pt>
                <c:pt idx="22">
                  <c:v>351</c:v>
                </c:pt>
                <c:pt idx="23">
                  <c:v>415</c:v>
                </c:pt>
                <c:pt idx="24">
                  <c:v>480</c:v>
                </c:pt>
                <c:pt idx="25">
                  <c:v>550</c:v>
                </c:pt>
                <c:pt idx="26">
                  <c:v>619</c:v>
                </c:pt>
                <c:pt idx="27">
                  <c:v>700</c:v>
                </c:pt>
                <c:pt idx="28">
                  <c:v>781</c:v>
                </c:pt>
                <c:pt idx="29">
                  <c:v>872</c:v>
                </c:pt>
                <c:pt idx="30">
                  <c:v>97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3A4D-4044-B9AF-F386150C77A0}"/>
            </c:ext>
          </c:extLst>
        </c:ser>
        <c:ser>
          <c:idx val="1"/>
          <c:order val="1"/>
          <c:tx>
            <c:strRef>
              <c:f>Sheet1!$F$1</c:f>
              <c:strCache>
                <c:ptCount val="1"/>
                <c:pt idx="0">
                  <c:v>cumulative deaths (excluding Hubei )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m/d/yyyy</c:formatCode>
                <c:ptCount val="31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F$2:$F$32</c:f>
              <c:numCache>
                <c:formatCode>General</c:formatCode>
                <c:ptCount val="31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1</c:v>
                </c:pt>
                <c:pt idx="13">
                  <c:v>2</c:v>
                </c:pt>
                <c:pt idx="14">
                  <c:v>4</c:v>
                </c:pt>
                <c:pt idx="15">
                  <c:v>4</c:v>
                </c:pt>
                <c:pt idx="16">
                  <c:v>6</c:v>
                </c:pt>
                <c:pt idx="17">
                  <c:v>7</c:v>
                </c:pt>
                <c:pt idx="18">
                  <c:v>8</c:v>
                </c:pt>
                <c:pt idx="19">
                  <c:v>9</c:v>
                </c:pt>
                <c:pt idx="20">
                  <c:v>10</c:v>
                </c:pt>
                <c:pt idx="21">
                  <c:v>10</c:v>
                </c:pt>
                <c:pt idx="22">
                  <c:v>11</c:v>
                </c:pt>
                <c:pt idx="23">
                  <c:v>11</c:v>
                </c:pt>
                <c:pt idx="24">
                  <c:v>11</c:v>
                </c:pt>
                <c:pt idx="25">
                  <c:v>14</c:v>
                </c:pt>
                <c:pt idx="26">
                  <c:v>18</c:v>
                </c:pt>
                <c:pt idx="27">
                  <c:v>23</c:v>
                </c:pt>
                <c:pt idx="28">
                  <c:v>31</c:v>
                </c:pt>
                <c:pt idx="29">
                  <c:v>37</c:v>
                </c:pt>
                <c:pt idx="30">
                  <c:v>4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A4D-4044-B9AF-F386150C77A0}"/>
            </c:ext>
          </c:extLst>
        </c:ser>
        <c:ser>
          <c:idx val="2"/>
          <c:order val="2"/>
          <c:tx>
            <c:strRef>
              <c:f>Sheet1!$L$1</c:f>
              <c:strCache>
                <c:ptCount val="1"/>
                <c:pt idx="0">
                  <c:v>cumulative recovered (Hubei)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m/d/yyyy</c:formatCode>
                <c:ptCount val="31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L$2:$L$32</c:f>
              <c:numCache>
                <c:formatCode>General</c:formatCode>
                <c:ptCount val="31"/>
                <c:pt idx="0">
                  <c:v>2</c:v>
                </c:pt>
                <c:pt idx="1">
                  <c:v>6</c:v>
                </c:pt>
                <c:pt idx="2">
                  <c:v>7</c:v>
                </c:pt>
                <c:pt idx="3">
                  <c:v>7</c:v>
                </c:pt>
                <c:pt idx="4">
                  <c:v>12</c:v>
                </c:pt>
                <c:pt idx="5">
                  <c:v>12</c:v>
                </c:pt>
                <c:pt idx="6">
                  <c:v>16</c:v>
                </c:pt>
                <c:pt idx="7">
                  <c:v>21</c:v>
                </c:pt>
                <c:pt idx="8">
                  <c:v>25</c:v>
                </c:pt>
                <c:pt idx="9">
                  <c:v>25</c:v>
                </c:pt>
                <c:pt idx="10">
                  <c:v>28</c:v>
                </c:pt>
                <c:pt idx="11">
                  <c:v>28</c:v>
                </c:pt>
                <c:pt idx="12">
                  <c:v>31</c:v>
                </c:pt>
                <c:pt idx="13">
                  <c:v>32</c:v>
                </c:pt>
                <c:pt idx="14">
                  <c:v>42</c:v>
                </c:pt>
                <c:pt idx="15">
                  <c:v>44</c:v>
                </c:pt>
                <c:pt idx="16">
                  <c:v>47</c:v>
                </c:pt>
                <c:pt idx="17">
                  <c:v>80</c:v>
                </c:pt>
                <c:pt idx="18">
                  <c:v>90</c:v>
                </c:pt>
                <c:pt idx="19">
                  <c:v>116</c:v>
                </c:pt>
                <c:pt idx="20">
                  <c:v>166</c:v>
                </c:pt>
                <c:pt idx="21">
                  <c:v>215</c:v>
                </c:pt>
                <c:pt idx="22">
                  <c:v>295</c:v>
                </c:pt>
                <c:pt idx="23">
                  <c:v>396</c:v>
                </c:pt>
                <c:pt idx="24">
                  <c:v>521</c:v>
                </c:pt>
                <c:pt idx="25">
                  <c:v>634</c:v>
                </c:pt>
                <c:pt idx="26">
                  <c:v>818</c:v>
                </c:pt>
                <c:pt idx="27">
                  <c:v>1116</c:v>
                </c:pt>
                <c:pt idx="28">
                  <c:v>1440</c:v>
                </c:pt>
                <c:pt idx="29">
                  <c:v>1796</c:v>
                </c:pt>
                <c:pt idx="30">
                  <c:v>222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3A4D-4044-B9AF-F386150C77A0}"/>
            </c:ext>
          </c:extLst>
        </c:ser>
        <c:ser>
          <c:idx val="3"/>
          <c:order val="3"/>
          <c:tx>
            <c:strRef>
              <c:f>Sheet1!$O$1</c:f>
              <c:strCache>
                <c:ptCount val="1"/>
                <c:pt idx="0">
                  <c:v> cumulative recovered (excluding Hubei)</c:v>
                </c:pt>
              </c:strCache>
            </c:strRef>
          </c:tx>
          <c:spPr>
            <a:ln w="28575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m/d/yyyy</c:formatCode>
                <c:ptCount val="31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O$2:$O$32</c:f>
              <c:numCache>
                <c:formatCode>General</c:formatCode>
                <c:ptCount val="31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2</c:v>
                </c:pt>
                <c:pt idx="13">
                  <c:v>6</c:v>
                </c:pt>
                <c:pt idx="14">
                  <c:v>7</c:v>
                </c:pt>
                <c:pt idx="15">
                  <c:v>7</c:v>
                </c:pt>
                <c:pt idx="16">
                  <c:v>13</c:v>
                </c:pt>
                <c:pt idx="17">
                  <c:v>23</c:v>
                </c:pt>
                <c:pt idx="18">
                  <c:v>34</c:v>
                </c:pt>
                <c:pt idx="19">
                  <c:v>55</c:v>
                </c:pt>
                <c:pt idx="20">
                  <c:v>77</c:v>
                </c:pt>
                <c:pt idx="21">
                  <c:v>113</c:v>
                </c:pt>
                <c:pt idx="22">
                  <c:v>180</c:v>
                </c:pt>
                <c:pt idx="23">
                  <c:v>236</c:v>
                </c:pt>
                <c:pt idx="24">
                  <c:v>373</c:v>
                </c:pt>
                <c:pt idx="25">
                  <c:v>521</c:v>
                </c:pt>
                <c:pt idx="26">
                  <c:v>724</c:v>
                </c:pt>
                <c:pt idx="27">
                  <c:v>936</c:v>
                </c:pt>
                <c:pt idx="28">
                  <c:v>1212</c:v>
                </c:pt>
                <c:pt idx="29">
                  <c:v>1488</c:v>
                </c:pt>
                <c:pt idx="30">
                  <c:v>177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3A4D-4044-B9AF-F386150C77A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851500784"/>
        <c:axId val="851497040"/>
      </c:lineChart>
      <c:dateAx>
        <c:axId val="851500784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51497040"/>
        <c:crosses val="autoZero"/>
        <c:auto val="1"/>
        <c:lblOffset val="100"/>
        <c:baseTimeUnit val="days"/>
      </c:dateAx>
      <c:valAx>
        <c:axId val="8514970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5150078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Hubei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Sheet1!$A$2:$A$33</c:f>
              <c:numCache>
                <c:formatCode>m/d/yyyy</c:formatCode>
                <c:ptCount val="32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B$2:$B$33</c:f>
              <c:numCache>
                <c:formatCode>General</c:formatCode>
                <c:ptCount val="32"/>
                <c:pt idx="0" formatCode="0">
                  <c:v>41</c:v>
                </c:pt>
                <c:pt idx="5" formatCode="0">
                  <c:v>4</c:v>
                </c:pt>
                <c:pt idx="6" formatCode="0">
                  <c:v>17</c:v>
                </c:pt>
                <c:pt idx="7" formatCode="0">
                  <c:v>59</c:v>
                </c:pt>
                <c:pt idx="8" formatCode="0">
                  <c:v>77</c:v>
                </c:pt>
                <c:pt idx="9" formatCode="0">
                  <c:v>72</c:v>
                </c:pt>
                <c:pt idx="10" formatCode="0">
                  <c:v>105</c:v>
                </c:pt>
                <c:pt idx="11" formatCode="0">
                  <c:v>69</c:v>
                </c:pt>
                <c:pt idx="12" formatCode="0">
                  <c:v>105</c:v>
                </c:pt>
                <c:pt idx="13" formatCode="0">
                  <c:v>180</c:v>
                </c:pt>
                <c:pt idx="14" formatCode="0">
                  <c:v>323</c:v>
                </c:pt>
                <c:pt idx="15" formatCode="0">
                  <c:v>371</c:v>
                </c:pt>
                <c:pt idx="16" formatCode="0">
                  <c:v>1291</c:v>
                </c:pt>
                <c:pt idx="17" formatCode="0">
                  <c:v>840</c:v>
                </c:pt>
                <c:pt idx="18" formatCode="0">
                  <c:v>1032</c:v>
                </c:pt>
                <c:pt idx="19" formatCode="0">
                  <c:v>1220</c:v>
                </c:pt>
                <c:pt idx="20" formatCode="0">
                  <c:v>1347</c:v>
                </c:pt>
                <c:pt idx="21" formatCode="0">
                  <c:v>1921</c:v>
                </c:pt>
                <c:pt idx="22" formatCode="0">
                  <c:v>2103</c:v>
                </c:pt>
                <c:pt idx="23" formatCode="0">
                  <c:v>2345</c:v>
                </c:pt>
                <c:pt idx="24" formatCode="0">
                  <c:v>3156</c:v>
                </c:pt>
                <c:pt idx="25" formatCode="0">
                  <c:v>2987</c:v>
                </c:pt>
                <c:pt idx="26" formatCode="0">
                  <c:v>2447</c:v>
                </c:pt>
                <c:pt idx="27" formatCode="0">
                  <c:v>2841</c:v>
                </c:pt>
                <c:pt idx="28" formatCode="0">
                  <c:v>2060</c:v>
                </c:pt>
                <c:pt idx="29" formatCode="0">
                  <c:v>2618</c:v>
                </c:pt>
                <c:pt idx="30" formatCode="0">
                  <c:v>209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B074-48CD-9144-2C26C033EC96}"/>
            </c:ext>
          </c:extLst>
        </c:ser>
        <c:ser>
          <c:idx val="1"/>
          <c:order val="1"/>
          <c:tx>
            <c:strRef>
              <c:f>Sheet1!$AG$1</c:f>
              <c:strCache>
                <c:ptCount val="1"/>
                <c:pt idx="0">
                  <c:v>National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Sheet1!$A$2:$A$33</c:f>
              <c:numCache>
                <c:formatCode>m/d/yyyy</c:formatCode>
                <c:ptCount val="32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AG$2:$AG$33</c:f>
              <c:numCache>
                <c:formatCode>General</c:formatCode>
                <c:ptCount val="32"/>
                <c:pt idx="0" formatCode="0">
                  <c:v>41</c:v>
                </c:pt>
                <c:pt idx="5" formatCode="0">
                  <c:v>4</c:v>
                </c:pt>
                <c:pt idx="6" formatCode="0">
                  <c:v>17</c:v>
                </c:pt>
                <c:pt idx="7" formatCode="0">
                  <c:v>59</c:v>
                </c:pt>
                <c:pt idx="8" formatCode="0">
                  <c:v>78</c:v>
                </c:pt>
                <c:pt idx="9" formatCode="0">
                  <c:v>92</c:v>
                </c:pt>
                <c:pt idx="10" formatCode="0">
                  <c:v>149</c:v>
                </c:pt>
                <c:pt idx="11" formatCode="0">
                  <c:v>131</c:v>
                </c:pt>
                <c:pt idx="12" formatCode="0">
                  <c:v>259</c:v>
                </c:pt>
                <c:pt idx="13" formatCode="0">
                  <c:v>457</c:v>
                </c:pt>
                <c:pt idx="14" formatCode="0">
                  <c:v>688</c:v>
                </c:pt>
                <c:pt idx="15" formatCode="0">
                  <c:v>769</c:v>
                </c:pt>
                <c:pt idx="16" formatCode="0">
                  <c:v>1771</c:v>
                </c:pt>
                <c:pt idx="17" formatCode="0">
                  <c:v>1459</c:v>
                </c:pt>
                <c:pt idx="18" formatCode="0">
                  <c:v>1737</c:v>
                </c:pt>
                <c:pt idx="19" formatCode="0">
                  <c:v>1980</c:v>
                </c:pt>
                <c:pt idx="20" formatCode="0">
                  <c:v>2099</c:v>
                </c:pt>
                <c:pt idx="21" formatCode="0">
                  <c:v>2589</c:v>
                </c:pt>
                <c:pt idx="22" formatCode="0">
                  <c:v>2825</c:v>
                </c:pt>
                <c:pt idx="23" formatCode="0">
                  <c:v>3233</c:v>
                </c:pt>
                <c:pt idx="24" formatCode="0">
                  <c:v>3886</c:v>
                </c:pt>
                <c:pt idx="25" formatCode="0">
                  <c:v>3694</c:v>
                </c:pt>
                <c:pt idx="26" formatCode="0">
                  <c:v>3143</c:v>
                </c:pt>
                <c:pt idx="27" formatCode="0">
                  <c:v>3385</c:v>
                </c:pt>
                <c:pt idx="28" formatCode="0">
                  <c:v>2652</c:v>
                </c:pt>
                <c:pt idx="29" formatCode="0">
                  <c:v>3062</c:v>
                </c:pt>
                <c:pt idx="30" formatCode="0">
                  <c:v>246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074-48CD-9144-2C26C033EC96}"/>
            </c:ext>
          </c:extLst>
        </c:ser>
        <c:ser>
          <c:idx val="2"/>
          <c:order val="2"/>
          <c:tx>
            <c:strRef>
              <c:f>Sheet1!$AH$1</c:f>
              <c:strCache>
                <c:ptCount val="1"/>
                <c:pt idx="0">
                  <c:v>Excluding Hubei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Sheet1!$A$2:$A$33</c:f>
              <c:numCache>
                <c:formatCode>m/d/yyyy</c:formatCode>
                <c:ptCount val="32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AH$2:$AH$33</c:f>
              <c:numCache>
                <c:formatCode>General</c:formatCode>
                <c:ptCount val="32"/>
                <c:pt idx="8" formatCode="0">
                  <c:v>1</c:v>
                </c:pt>
                <c:pt idx="9" formatCode="0">
                  <c:v>20</c:v>
                </c:pt>
                <c:pt idx="10" formatCode="0">
                  <c:v>44</c:v>
                </c:pt>
                <c:pt idx="11" formatCode="0">
                  <c:v>62</c:v>
                </c:pt>
                <c:pt idx="12" formatCode="0">
                  <c:v>154</c:v>
                </c:pt>
                <c:pt idx="13" formatCode="0">
                  <c:v>264</c:v>
                </c:pt>
                <c:pt idx="14" formatCode="0">
                  <c:v>365</c:v>
                </c:pt>
                <c:pt idx="15" formatCode="0">
                  <c:v>398</c:v>
                </c:pt>
                <c:pt idx="16" formatCode="0">
                  <c:v>480</c:v>
                </c:pt>
                <c:pt idx="17" formatCode="0">
                  <c:v>619</c:v>
                </c:pt>
                <c:pt idx="18" formatCode="0">
                  <c:v>705</c:v>
                </c:pt>
                <c:pt idx="19" formatCode="0">
                  <c:v>762</c:v>
                </c:pt>
                <c:pt idx="20" formatCode="0">
                  <c:v>755</c:v>
                </c:pt>
                <c:pt idx="21" formatCode="0">
                  <c:v>669</c:v>
                </c:pt>
                <c:pt idx="22" formatCode="0">
                  <c:v>726</c:v>
                </c:pt>
                <c:pt idx="23" formatCode="0">
                  <c:v>890</c:v>
                </c:pt>
                <c:pt idx="24" formatCode="0">
                  <c:v>731</c:v>
                </c:pt>
                <c:pt idx="25" formatCode="0">
                  <c:v>707</c:v>
                </c:pt>
                <c:pt idx="26" formatCode="0">
                  <c:v>696</c:v>
                </c:pt>
                <c:pt idx="27" formatCode="0">
                  <c:v>558</c:v>
                </c:pt>
                <c:pt idx="28" formatCode="0">
                  <c:v>509</c:v>
                </c:pt>
                <c:pt idx="29" formatCode="0">
                  <c:v>444</c:v>
                </c:pt>
                <c:pt idx="30" formatCode="0">
                  <c:v>37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B074-48CD-9144-2C26C033EC96}"/>
            </c:ext>
          </c:extLst>
        </c:ser>
        <c:ser>
          <c:idx val="3"/>
          <c:order val="3"/>
          <c:tx>
            <c:strRef>
              <c:f>Sheet1!$AI$1</c:f>
              <c:strCache>
                <c:ptCount val="1"/>
                <c:pt idx="0">
                  <c:v>Wuhan, Hubei</c:v>
                </c:pt>
              </c:strCache>
            </c:strRef>
          </c:tx>
          <c:spPr>
            <a:ln w="28575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cat>
            <c:numRef>
              <c:f>Sheet1!$A$2:$A$33</c:f>
              <c:numCache>
                <c:formatCode>m/d/yyyy</c:formatCode>
                <c:ptCount val="32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AI$2:$AI$33</c:f>
              <c:numCache>
                <c:formatCode>General</c:formatCode>
                <c:ptCount val="32"/>
                <c:pt idx="0" formatCode="0">
                  <c:v>41</c:v>
                </c:pt>
                <c:pt idx="5" formatCode="0">
                  <c:v>4</c:v>
                </c:pt>
                <c:pt idx="6" formatCode="0">
                  <c:v>17</c:v>
                </c:pt>
                <c:pt idx="7" formatCode="0">
                  <c:v>59</c:v>
                </c:pt>
                <c:pt idx="8" formatCode="0">
                  <c:v>77</c:v>
                </c:pt>
                <c:pt idx="9" formatCode="0">
                  <c:v>60</c:v>
                </c:pt>
                <c:pt idx="10" formatCode="0">
                  <c:v>105</c:v>
                </c:pt>
                <c:pt idx="11" formatCode="0">
                  <c:v>62</c:v>
                </c:pt>
                <c:pt idx="12" formatCode="0">
                  <c:v>70</c:v>
                </c:pt>
                <c:pt idx="13" formatCode="0">
                  <c:v>77</c:v>
                </c:pt>
                <c:pt idx="14" formatCode="0">
                  <c:v>46</c:v>
                </c:pt>
                <c:pt idx="15" formatCode="0">
                  <c:v>80</c:v>
                </c:pt>
                <c:pt idx="16" formatCode="0">
                  <c:v>892</c:v>
                </c:pt>
                <c:pt idx="17" formatCode="0">
                  <c:v>315</c:v>
                </c:pt>
                <c:pt idx="18" formatCode="0">
                  <c:v>356</c:v>
                </c:pt>
                <c:pt idx="19" formatCode="0">
                  <c:v>378</c:v>
                </c:pt>
                <c:pt idx="20" formatCode="0">
                  <c:v>576</c:v>
                </c:pt>
                <c:pt idx="21" formatCode="0">
                  <c:v>894</c:v>
                </c:pt>
                <c:pt idx="22" formatCode="0">
                  <c:v>1033</c:v>
                </c:pt>
                <c:pt idx="23" formatCode="0">
                  <c:v>1242</c:v>
                </c:pt>
                <c:pt idx="24" formatCode="0">
                  <c:v>1967</c:v>
                </c:pt>
                <c:pt idx="25" formatCode="0">
                  <c:v>1766</c:v>
                </c:pt>
                <c:pt idx="26" formatCode="0">
                  <c:v>1501</c:v>
                </c:pt>
                <c:pt idx="27" formatCode="0">
                  <c:v>1985</c:v>
                </c:pt>
                <c:pt idx="28" formatCode="0">
                  <c:v>1379</c:v>
                </c:pt>
                <c:pt idx="29" formatCode="0">
                  <c:v>1921</c:v>
                </c:pt>
                <c:pt idx="30" formatCode="0">
                  <c:v>155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B074-48CD-9144-2C26C033EC96}"/>
            </c:ext>
          </c:extLst>
        </c:ser>
        <c:ser>
          <c:idx val="4"/>
          <c:order val="4"/>
          <c:tx>
            <c:strRef>
              <c:f>Sheet1!$AJ$1</c:f>
              <c:strCache>
                <c:ptCount val="1"/>
                <c:pt idx="0">
                  <c:v>Hubei: outside Wuhan</c:v>
                </c:pt>
              </c:strCache>
            </c:strRef>
          </c:tx>
          <c:spPr>
            <a:ln w="28575" cap="rnd">
              <a:solidFill>
                <a:schemeClr val="accent5"/>
              </a:solidFill>
              <a:round/>
            </a:ln>
            <a:effectLst/>
          </c:spPr>
          <c:marker>
            <c:symbol val="none"/>
          </c:marker>
          <c:cat>
            <c:numRef>
              <c:f>Sheet1!$A$2:$A$33</c:f>
              <c:numCache>
                <c:formatCode>m/d/yyyy</c:formatCode>
                <c:ptCount val="32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AJ$2:$AJ$33</c:f>
              <c:numCache>
                <c:formatCode>General</c:formatCode>
                <c:ptCount val="32"/>
                <c:pt idx="9" formatCode="0">
                  <c:v>12</c:v>
                </c:pt>
                <c:pt idx="10" formatCode="0">
                  <c:v>0</c:v>
                </c:pt>
                <c:pt idx="11" formatCode="0">
                  <c:v>7</c:v>
                </c:pt>
                <c:pt idx="12" formatCode="0">
                  <c:v>35</c:v>
                </c:pt>
                <c:pt idx="13" formatCode="0">
                  <c:v>103</c:v>
                </c:pt>
                <c:pt idx="14" formatCode="0">
                  <c:v>277</c:v>
                </c:pt>
                <c:pt idx="15" formatCode="0">
                  <c:v>291</c:v>
                </c:pt>
                <c:pt idx="16" formatCode="0">
                  <c:v>399</c:v>
                </c:pt>
                <c:pt idx="17" formatCode="0">
                  <c:v>525</c:v>
                </c:pt>
                <c:pt idx="18" formatCode="0">
                  <c:v>676</c:v>
                </c:pt>
                <c:pt idx="19" formatCode="0">
                  <c:v>842</c:v>
                </c:pt>
                <c:pt idx="20" formatCode="0">
                  <c:v>771</c:v>
                </c:pt>
                <c:pt idx="21" formatCode="0">
                  <c:v>1027</c:v>
                </c:pt>
                <c:pt idx="22" formatCode="0">
                  <c:v>1070</c:v>
                </c:pt>
                <c:pt idx="23" formatCode="0">
                  <c:v>1103</c:v>
                </c:pt>
                <c:pt idx="24" formatCode="0">
                  <c:v>1189</c:v>
                </c:pt>
                <c:pt idx="25" formatCode="0">
                  <c:v>1221</c:v>
                </c:pt>
                <c:pt idx="26" formatCode="0">
                  <c:v>946</c:v>
                </c:pt>
                <c:pt idx="27" formatCode="0">
                  <c:v>856</c:v>
                </c:pt>
                <c:pt idx="28" formatCode="0">
                  <c:v>681</c:v>
                </c:pt>
                <c:pt idx="29" formatCode="0">
                  <c:v>697</c:v>
                </c:pt>
                <c:pt idx="30" formatCode="0">
                  <c:v>54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B074-48CD-9144-2C26C033EC9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2069969536"/>
        <c:axId val="2069973696"/>
      </c:lineChart>
      <c:dateAx>
        <c:axId val="2069969536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069973696"/>
        <c:crosses val="autoZero"/>
        <c:auto val="1"/>
        <c:lblOffset val="100"/>
        <c:baseTimeUnit val="days"/>
      </c:dateAx>
      <c:valAx>
        <c:axId val="206997369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06996953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Sheet1!$Y$1</c:f>
              <c:strCache>
                <c:ptCount val="1"/>
                <c:pt idx="0">
                  <c:v>fatality rate (National)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m/d/yyyy</c:formatCode>
                <c:ptCount val="31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Y$2:$Y$32</c:f>
              <c:numCache>
                <c:formatCode>General</c:formatCode>
                <c:ptCount val="31"/>
                <c:pt idx="0">
                  <c:v>2.4390243902439025E-2</c:v>
                </c:pt>
                <c:pt idx="1">
                  <c:v>2.4390243902439025E-2</c:v>
                </c:pt>
                <c:pt idx="2">
                  <c:v>2.4390243902439025E-2</c:v>
                </c:pt>
                <c:pt idx="3">
                  <c:v>2.4390243902439025E-2</c:v>
                </c:pt>
                <c:pt idx="4">
                  <c:v>4.878048780487805E-2</c:v>
                </c:pt>
                <c:pt idx="5">
                  <c:v>6.6666666666666666E-2</c:v>
                </c:pt>
                <c:pt idx="6">
                  <c:v>4.8387096774193547E-2</c:v>
                </c:pt>
                <c:pt idx="7">
                  <c:v>3.3057851239669422E-2</c:v>
                </c:pt>
                <c:pt idx="8">
                  <c:v>2.5125628140703519E-2</c:v>
                </c:pt>
                <c:pt idx="9">
                  <c:v>2.4054982817869417E-2</c:v>
                </c:pt>
                <c:pt idx="10">
                  <c:v>2.2727272727272728E-2</c:v>
                </c:pt>
                <c:pt idx="11">
                  <c:v>3.1523642732049037E-2</c:v>
                </c:pt>
                <c:pt idx="12">
                  <c:v>3.1325301204819279E-2</c:v>
                </c:pt>
                <c:pt idx="13">
                  <c:v>3.2634032634032632E-2</c:v>
                </c:pt>
                <c:pt idx="14">
                  <c:v>2.8860759493670885E-2</c:v>
                </c:pt>
                <c:pt idx="15">
                  <c:v>2.9518950437317785E-2</c:v>
                </c:pt>
                <c:pt idx="16">
                  <c:v>2.3698781838316724E-2</c:v>
                </c:pt>
                <c:pt idx="17">
                  <c:v>2.2263140274522933E-2</c:v>
                </c:pt>
                <c:pt idx="18">
                  <c:v>2.2176112047724031E-2</c:v>
                </c:pt>
                <c:pt idx="19">
                  <c:v>2.2082344443297906E-2</c:v>
                </c:pt>
                <c:pt idx="20">
                  <c:v>2.2052586938083121E-2</c:v>
                </c:pt>
                <c:pt idx="21">
                  <c:v>2.121148897698032E-2</c:v>
                </c:pt>
                <c:pt idx="22">
                  <c:v>2.1041618228318997E-2</c:v>
                </c:pt>
                <c:pt idx="23">
                  <c:v>2.0844546655575672E-2</c:v>
                </c:pt>
                <c:pt idx="24">
                  <c:v>2.0186654606750811E-2</c:v>
                </c:pt>
                <c:pt idx="25">
                  <c:v>2.0130634971624369E-2</c:v>
                </c:pt>
                <c:pt idx="26">
                  <c:v>2.0442875481386392E-2</c:v>
                </c:pt>
                <c:pt idx="27">
                  <c:v>2.0929222752930958E-2</c:v>
                </c:pt>
                <c:pt idx="28">
                  <c:v>2.1829717450332017E-2</c:v>
                </c:pt>
                <c:pt idx="29">
                  <c:v>2.257880225539631E-2</c:v>
                </c:pt>
                <c:pt idx="30">
                  <c:v>2.3802836680241538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D0F4-43F4-ACD4-1C175A38612A}"/>
            </c:ext>
          </c:extLst>
        </c:ser>
        <c:ser>
          <c:idx val="1"/>
          <c:order val="1"/>
          <c:tx>
            <c:strRef>
              <c:f>Sheet1!$Z$1</c:f>
              <c:strCache>
                <c:ptCount val="1"/>
                <c:pt idx="0">
                  <c:v>fatality rate (excluding Hubei)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m/d/yyyy</c:formatCode>
                <c:ptCount val="31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Z$2:$Z$32</c:f>
              <c:numCache>
                <c:formatCode>General</c:formatCode>
                <c:ptCount val="31"/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3.5587188612099642E-3</c:v>
                </c:pt>
                <c:pt idx="13">
                  <c:v>3.669724770642202E-3</c:v>
                </c:pt>
                <c:pt idx="14">
                  <c:v>4.3956043956043956E-3</c:v>
                </c:pt>
                <c:pt idx="15">
                  <c:v>3.0581039755351682E-3</c:v>
                </c:pt>
                <c:pt idx="16">
                  <c:v>3.3557046979865771E-3</c:v>
                </c:pt>
                <c:pt idx="17">
                  <c:v>2.9081844619858743E-3</c:v>
                </c:pt>
                <c:pt idx="18">
                  <c:v>2.5706940874035988E-3</c:v>
                </c:pt>
                <c:pt idx="19">
                  <c:v>2.3231801755291687E-3</c:v>
                </c:pt>
                <c:pt idx="20">
                  <c:v>2.1602937999567941E-3</c:v>
                </c:pt>
                <c:pt idx="21">
                  <c:v>1.887504718761797E-3</c:v>
                </c:pt>
                <c:pt idx="22">
                  <c:v>1.8260292164674634E-3</c:v>
                </c:pt>
                <c:pt idx="23">
                  <c:v>1.5909748336708129E-3</c:v>
                </c:pt>
                <c:pt idx="24">
                  <c:v>1.4388489208633094E-3</c:v>
                </c:pt>
                <c:pt idx="25">
                  <c:v>1.6762452107279694E-3</c:v>
                </c:pt>
                <c:pt idx="26">
                  <c:v>1.9893899204244032E-3</c:v>
                </c:pt>
                <c:pt idx="27">
                  <c:v>2.3943368727878411E-3</c:v>
                </c:pt>
                <c:pt idx="28">
                  <c:v>3.064755313890262E-3</c:v>
                </c:pt>
                <c:pt idx="29">
                  <c:v>3.5041197083057109E-3</c:v>
                </c:pt>
                <c:pt idx="30">
                  <c:v>3.8429865495470767E-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0F4-43F4-ACD4-1C175A38612A}"/>
            </c:ext>
          </c:extLst>
        </c:ser>
        <c:ser>
          <c:idx val="2"/>
          <c:order val="2"/>
          <c:tx>
            <c:strRef>
              <c:f>Sheet1!$AA$1</c:f>
              <c:strCache>
                <c:ptCount val="1"/>
                <c:pt idx="0">
                  <c:v>fatality rate (Hubei)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m/d/yyyy</c:formatCode>
                <c:ptCount val="31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AA$2:$AA$32</c:f>
              <c:numCache>
                <c:formatCode>General</c:formatCode>
                <c:ptCount val="31"/>
                <c:pt idx="0">
                  <c:v>2.4390243902439025E-2</c:v>
                </c:pt>
                <c:pt idx="1">
                  <c:v>2.4390243902439025E-2</c:v>
                </c:pt>
                <c:pt idx="2">
                  <c:v>2.4390243902439025E-2</c:v>
                </c:pt>
                <c:pt idx="3">
                  <c:v>2.4390243902439025E-2</c:v>
                </c:pt>
                <c:pt idx="4">
                  <c:v>4.878048780487805E-2</c:v>
                </c:pt>
                <c:pt idx="5">
                  <c:v>6.6666666666666666E-2</c:v>
                </c:pt>
                <c:pt idx="6">
                  <c:v>4.8387096774193547E-2</c:v>
                </c:pt>
                <c:pt idx="7">
                  <c:v>3.3057851239669422E-2</c:v>
                </c:pt>
                <c:pt idx="8">
                  <c:v>2.5252525252525252E-2</c:v>
                </c:pt>
                <c:pt idx="9">
                  <c:v>2.5925925925925925E-2</c:v>
                </c:pt>
                <c:pt idx="10">
                  <c:v>2.6666666666666668E-2</c:v>
                </c:pt>
                <c:pt idx="11">
                  <c:v>4.0540540540540543E-2</c:v>
                </c:pt>
                <c:pt idx="12">
                  <c:v>4.553734061930783E-2</c:v>
                </c:pt>
                <c:pt idx="13">
                  <c:v>5.4869684499314127E-2</c:v>
                </c:pt>
                <c:pt idx="14">
                  <c:v>5.038022813688213E-2</c:v>
                </c:pt>
                <c:pt idx="15">
                  <c:v>5.4111033028812365E-2</c:v>
                </c:pt>
                <c:pt idx="16">
                  <c:v>3.7214443625644807E-2</c:v>
                </c:pt>
                <c:pt idx="17">
                  <c:v>3.5453010692177829E-2</c:v>
                </c:pt>
                <c:pt idx="18">
                  <c:v>3.5542956825119931E-2</c:v>
                </c:pt>
                <c:pt idx="19">
                  <c:v>3.5308301756803308E-2</c:v>
                </c:pt>
                <c:pt idx="20">
                  <c:v>3.4950370473927024E-2</c:v>
                </c:pt>
                <c:pt idx="21">
                  <c:v>3.2510469473220192E-2</c:v>
                </c:pt>
                <c:pt idx="22">
                  <c:v>3.1403775610628973E-2</c:v>
                </c:pt>
                <c:pt idx="23">
                  <c:v>3.0690726223931371E-2</c:v>
                </c:pt>
                <c:pt idx="24">
                  <c:v>2.8780429308070513E-2</c:v>
                </c:pt>
                <c:pt idx="25">
                  <c:v>2.7968471904398679E-2</c:v>
                </c:pt>
                <c:pt idx="26">
                  <c:v>2.79938494934877E-2</c:v>
                </c:pt>
                <c:pt idx="27">
                  <c:v>2.8052739149601252E-2</c:v>
                </c:pt>
                <c:pt idx="28">
                  <c:v>2.8912005330766669E-2</c:v>
                </c:pt>
                <c:pt idx="29">
                  <c:v>2.94286389254497E-2</c:v>
                </c:pt>
                <c:pt idx="30">
                  <c:v>3.0729954614220876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D0F4-43F4-ACD4-1C175A38612A}"/>
            </c:ext>
          </c:extLst>
        </c:ser>
        <c:ser>
          <c:idx val="3"/>
          <c:order val="3"/>
          <c:tx>
            <c:strRef>
              <c:f>Sheet1!$AB$1</c:f>
              <c:strCache>
                <c:ptCount val="1"/>
                <c:pt idx="0">
                  <c:v>fatality rate (Wuhan)</c:v>
                </c:pt>
              </c:strCache>
            </c:strRef>
          </c:tx>
          <c:spPr>
            <a:ln w="28575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m/d/yyyy</c:formatCode>
                <c:ptCount val="31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AB$2:$AB$32</c:f>
              <c:numCache>
                <c:formatCode>General</c:formatCode>
                <c:ptCount val="31"/>
                <c:pt idx="0">
                  <c:v>2.4390243902439025E-2</c:v>
                </c:pt>
                <c:pt idx="1">
                  <c:v>2.4390243902439025E-2</c:v>
                </c:pt>
                <c:pt idx="2">
                  <c:v>2.4390243902439025E-2</c:v>
                </c:pt>
                <c:pt idx="3">
                  <c:v>2.4390243902439025E-2</c:v>
                </c:pt>
                <c:pt idx="4">
                  <c:v>4.878048780487805E-2</c:v>
                </c:pt>
                <c:pt idx="5">
                  <c:v>6.6666666666666666E-2</c:v>
                </c:pt>
                <c:pt idx="6">
                  <c:v>4.8387096774193547E-2</c:v>
                </c:pt>
                <c:pt idx="7">
                  <c:v>3.3057851239669422E-2</c:v>
                </c:pt>
                <c:pt idx="8">
                  <c:v>2.5252525252525252E-2</c:v>
                </c:pt>
                <c:pt idx="9">
                  <c:v>2.7131782945736434E-2</c:v>
                </c:pt>
                <c:pt idx="10">
                  <c:v>2.7548209366391185E-2</c:v>
                </c:pt>
                <c:pt idx="11">
                  <c:v>4.2352941176470586E-2</c:v>
                </c:pt>
                <c:pt idx="12">
                  <c:v>4.8484848484848485E-2</c:v>
                </c:pt>
                <c:pt idx="13">
                  <c:v>6.8181818181818177E-2</c:v>
                </c:pt>
                <c:pt idx="14">
                  <c:v>7.4433656957928807E-2</c:v>
                </c:pt>
                <c:pt idx="15">
                  <c:v>9.1690544412607447E-2</c:v>
                </c:pt>
                <c:pt idx="16">
                  <c:v>5.4088050314465411E-2</c:v>
                </c:pt>
                <c:pt idx="17">
                  <c:v>5.5118110236220472E-2</c:v>
                </c:pt>
                <c:pt idx="18">
                  <c:v>5.7496682883679789E-2</c:v>
                </c:pt>
                <c:pt idx="19">
                  <c:v>6.0629026146267528E-2</c:v>
                </c:pt>
                <c:pt idx="20">
                  <c:v>6.0031104199066876E-2</c:v>
                </c:pt>
                <c:pt idx="21">
                  <c:v>5.4757848624969581E-2</c:v>
                </c:pt>
                <c:pt idx="22">
                  <c:v>5.1730844029560484E-2</c:v>
                </c:pt>
                <c:pt idx="23">
                  <c:v>4.9185463659147867E-2</c:v>
                </c:pt>
                <c:pt idx="24">
                  <c:v>4.3467848161896777E-2</c:v>
                </c:pt>
                <c:pt idx="25">
                  <c:v>4.1020065236730255E-2</c:v>
                </c:pt>
                <c:pt idx="26">
                  <c:v>4.1229127216388363E-2</c:v>
                </c:pt>
                <c:pt idx="27">
                  <c:v>4.0138204807762992E-2</c:v>
                </c:pt>
                <c:pt idx="28">
                  <c:v>4.0648778534241092E-2</c:v>
                </c:pt>
                <c:pt idx="29">
                  <c:v>4.0347867242501334E-2</c:v>
                </c:pt>
                <c:pt idx="30">
                  <c:v>4.0585207260904907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D0F4-43F4-ACD4-1C175A38612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858094448"/>
        <c:axId val="858104432"/>
      </c:lineChart>
      <c:dateAx>
        <c:axId val="858094448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58104432"/>
        <c:crosses val="autoZero"/>
        <c:auto val="1"/>
        <c:lblOffset val="100"/>
        <c:baseTimeUnit val="days"/>
      </c:dateAx>
      <c:valAx>
        <c:axId val="8581044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5809444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Sheet1!$AC$1</c:f>
              <c:strCache>
                <c:ptCount val="1"/>
                <c:pt idx="0">
                  <c:v>recovery rate (National)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m/d/yyyy</c:formatCode>
                <c:ptCount val="31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AC$2:$AC$32</c:f>
              <c:numCache>
                <c:formatCode>General</c:formatCode>
                <c:ptCount val="31"/>
                <c:pt idx="0">
                  <c:v>4.878048780487805E-2</c:v>
                </c:pt>
                <c:pt idx="1">
                  <c:v>0.14634146341463414</c:v>
                </c:pt>
                <c:pt idx="2">
                  <c:v>0.17073170731707318</c:v>
                </c:pt>
                <c:pt idx="3">
                  <c:v>0.17073170731707318</c:v>
                </c:pt>
                <c:pt idx="4">
                  <c:v>0.29268292682926828</c:v>
                </c:pt>
                <c:pt idx="5">
                  <c:v>0.26666666666666666</c:v>
                </c:pt>
                <c:pt idx="6">
                  <c:v>0.25806451612903225</c:v>
                </c:pt>
                <c:pt idx="7">
                  <c:v>0.17355371900826447</c:v>
                </c:pt>
                <c:pt idx="8">
                  <c:v>0.12562814070351758</c:v>
                </c:pt>
                <c:pt idx="9">
                  <c:v>8.5910652920962199E-2</c:v>
                </c:pt>
                <c:pt idx="10">
                  <c:v>6.363636363636363E-2</c:v>
                </c:pt>
                <c:pt idx="11">
                  <c:v>4.9036777583187391E-2</c:v>
                </c:pt>
                <c:pt idx="12">
                  <c:v>3.9759036144578312E-2</c:v>
                </c:pt>
                <c:pt idx="13">
                  <c:v>2.9526029526029528E-2</c:v>
                </c:pt>
                <c:pt idx="14">
                  <c:v>2.4810126582278481E-2</c:v>
                </c:pt>
                <c:pt idx="15">
                  <c:v>1.8586005830903789E-2</c:v>
                </c:pt>
                <c:pt idx="16">
                  <c:v>1.3289036544850499E-2</c:v>
                </c:pt>
                <c:pt idx="17">
                  <c:v>1.7241379310344827E-2</c:v>
                </c:pt>
                <c:pt idx="18">
                  <c:v>1.6080923356244326E-2</c:v>
                </c:pt>
                <c:pt idx="19">
                  <c:v>1.7645237849551128E-2</c:v>
                </c:pt>
                <c:pt idx="20">
                  <c:v>2.0610687022900764E-2</c:v>
                </c:pt>
                <c:pt idx="21">
                  <c:v>2.2811043883441129E-2</c:v>
                </c:pt>
                <c:pt idx="22">
                  <c:v>2.7609858172518018E-2</c:v>
                </c:pt>
                <c:pt idx="23">
                  <c:v>3.0924303958506628E-2</c:v>
                </c:pt>
                <c:pt idx="24">
                  <c:v>3.6755334457098221E-2</c:v>
                </c:pt>
                <c:pt idx="25">
                  <c:v>4.1224970553592463E-2</c:v>
                </c:pt>
                <c:pt idx="26">
                  <c:v>4.9486521181001282E-2</c:v>
                </c:pt>
                <c:pt idx="27">
                  <c:v>5.9400781589231434E-2</c:v>
                </c:pt>
                <c:pt idx="28">
                  <c:v>7.1296072263892243E-2</c:v>
                </c:pt>
                <c:pt idx="29">
                  <c:v>8.1571822449638592E-2</c:v>
                </c:pt>
                <c:pt idx="30">
                  <c:v>9.3619809951785801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2CC-4324-B8C7-A3041C83B4AB}"/>
            </c:ext>
          </c:extLst>
        </c:ser>
        <c:ser>
          <c:idx val="1"/>
          <c:order val="1"/>
          <c:tx>
            <c:strRef>
              <c:f>Sheet1!$AD$1</c:f>
              <c:strCache>
                <c:ptCount val="1"/>
                <c:pt idx="0">
                  <c:v>recovery rate (Hubei)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m/d/yyyy</c:formatCode>
                <c:ptCount val="31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AD$2:$AD$32</c:f>
              <c:numCache>
                <c:formatCode>General</c:formatCode>
                <c:ptCount val="31"/>
                <c:pt idx="0">
                  <c:v>4.878048780487805E-2</c:v>
                </c:pt>
                <c:pt idx="1">
                  <c:v>0.14634146341463414</c:v>
                </c:pt>
                <c:pt idx="2">
                  <c:v>0.17073170731707318</c:v>
                </c:pt>
                <c:pt idx="3">
                  <c:v>0.17073170731707318</c:v>
                </c:pt>
                <c:pt idx="4">
                  <c:v>0.29268292682926828</c:v>
                </c:pt>
                <c:pt idx="5">
                  <c:v>0.26666666666666666</c:v>
                </c:pt>
                <c:pt idx="6">
                  <c:v>0.25806451612903225</c:v>
                </c:pt>
                <c:pt idx="7">
                  <c:v>0.17355371900826447</c:v>
                </c:pt>
                <c:pt idx="8">
                  <c:v>0.12626262626262627</c:v>
                </c:pt>
                <c:pt idx="9">
                  <c:v>9.2592592592592587E-2</c:v>
                </c:pt>
                <c:pt idx="10">
                  <c:v>7.4666666666666673E-2</c:v>
                </c:pt>
                <c:pt idx="11">
                  <c:v>6.3063063063063057E-2</c:v>
                </c:pt>
                <c:pt idx="12">
                  <c:v>5.6466302367941715E-2</c:v>
                </c:pt>
                <c:pt idx="13">
                  <c:v>4.38957475994513E-2</c:v>
                </c:pt>
                <c:pt idx="14">
                  <c:v>3.9923954372623575E-2</c:v>
                </c:pt>
                <c:pt idx="15">
                  <c:v>3.0920590302178495E-2</c:v>
                </c:pt>
                <c:pt idx="16">
                  <c:v>1.7317612380250553E-2</c:v>
                </c:pt>
                <c:pt idx="17">
                  <c:v>2.2509848058525603E-2</c:v>
                </c:pt>
                <c:pt idx="18">
                  <c:v>1.9624945486262538E-2</c:v>
                </c:pt>
                <c:pt idx="19">
                  <c:v>1.9979331725800895E-2</c:v>
                </c:pt>
                <c:pt idx="20">
                  <c:v>2.3207045994687543E-2</c:v>
                </c:pt>
                <c:pt idx="21">
                  <c:v>2.3694070972007934E-2</c:v>
                </c:pt>
                <c:pt idx="22">
                  <c:v>2.6393486624317796E-2</c:v>
                </c:pt>
                <c:pt idx="23">
                  <c:v>2.9285608637775476E-2</c:v>
                </c:pt>
                <c:pt idx="24">
                  <c:v>3.1238757644801534E-2</c:v>
                </c:pt>
                <c:pt idx="25">
                  <c:v>3.2240020340706839E-2</c:v>
                </c:pt>
                <c:pt idx="26">
                  <c:v>3.6993487698986978E-2</c:v>
                </c:pt>
                <c:pt idx="27">
                  <c:v>4.472408127279285E-2</c:v>
                </c:pt>
                <c:pt idx="28">
                  <c:v>5.3307666679006403E-2</c:v>
                </c:pt>
                <c:pt idx="29">
                  <c:v>6.0612196685903279E-2</c:v>
                </c:pt>
                <c:pt idx="30">
                  <c:v>7.0064296520423605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2CC-4324-B8C7-A3041C83B4AB}"/>
            </c:ext>
          </c:extLst>
        </c:ser>
        <c:ser>
          <c:idx val="2"/>
          <c:order val="2"/>
          <c:tx>
            <c:strRef>
              <c:f>Sheet1!$AE$1</c:f>
              <c:strCache>
                <c:ptCount val="1"/>
                <c:pt idx="0">
                  <c:v>recovery rate (excluding Hubei )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m/d/yyyy</c:formatCode>
                <c:ptCount val="31"/>
                <c:pt idx="0">
                  <c:v>43841</c:v>
                </c:pt>
                <c:pt idx="1">
                  <c:v>43842</c:v>
                </c:pt>
                <c:pt idx="2">
                  <c:v>43843</c:v>
                </c:pt>
                <c:pt idx="3">
                  <c:v>43844</c:v>
                </c:pt>
                <c:pt idx="4">
                  <c:v>43845</c:v>
                </c:pt>
                <c:pt idx="5">
                  <c:v>43846</c:v>
                </c:pt>
                <c:pt idx="6">
                  <c:v>43847</c:v>
                </c:pt>
                <c:pt idx="7">
                  <c:v>43848</c:v>
                </c:pt>
                <c:pt idx="8">
                  <c:v>43849</c:v>
                </c:pt>
                <c:pt idx="9">
                  <c:v>43850</c:v>
                </c:pt>
                <c:pt idx="10">
                  <c:v>43851</c:v>
                </c:pt>
                <c:pt idx="11">
                  <c:v>43852</c:v>
                </c:pt>
                <c:pt idx="12">
                  <c:v>43853</c:v>
                </c:pt>
                <c:pt idx="13">
                  <c:v>43854</c:v>
                </c:pt>
                <c:pt idx="14">
                  <c:v>43855</c:v>
                </c:pt>
                <c:pt idx="15">
                  <c:v>43856</c:v>
                </c:pt>
                <c:pt idx="16">
                  <c:v>43857</c:v>
                </c:pt>
                <c:pt idx="17">
                  <c:v>43858</c:v>
                </c:pt>
                <c:pt idx="18">
                  <c:v>43859</c:v>
                </c:pt>
                <c:pt idx="19">
                  <c:v>43860</c:v>
                </c:pt>
                <c:pt idx="20">
                  <c:v>43861</c:v>
                </c:pt>
                <c:pt idx="21">
                  <c:v>43862</c:v>
                </c:pt>
                <c:pt idx="22">
                  <c:v>43863</c:v>
                </c:pt>
                <c:pt idx="23">
                  <c:v>43864</c:v>
                </c:pt>
                <c:pt idx="24">
                  <c:v>43865</c:v>
                </c:pt>
                <c:pt idx="25">
                  <c:v>43866</c:v>
                </c:pt>
                <c:pt idx="26">
                  <c:v>43867</c:v>
                </c:pt>
                <c:pt idx="27">
                  <c:v>43868</c:v>
                </c:pt>
                <c:pt idx="28">
                  <c:v>43869</c:v>
                </c:pt>
                <c:pt idx="29">
                  <c:v>43870</c:v>
                </c:pt>
                <c:pt idx="30">
                  <c:v>43871</c:v>
                </c:pt>
              </c:numCache>
            </c:numRef>
          </c:cat>
          <c:val>
            <c:numRef>
              <c:f>Sheet1!$AE$2:$AE$32</c:f>
              <c:numCache>
                <c:formatCode>General</c:formatCode>
                <c:ptCount val="31"/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7.1174377224199285E-3</c:v>
                </c:pt>
                <c:pt idx="13">
                  <c:v>1.1009174311926606E-2</c:v>
                </c:pt>
                <c:pt idx="14">
                  <c:v>7.6923076923076927E-3</c:v>
                </c:pt>
                <c:pt idx="15">
                  <c:v>5.3516819571865441E-3</c:v>
                </c:pt>
                <c:pt idx="16">
                  <c:v>7.2706935123042502E-3</c:v>
                </c:pt>
                <c:pt idx="17">
                  <c:v>9.5554632322393026E-3</c:v>
                </c:pt>
                <c:pt idx="18">
                  <c:v>1.0925449871465296E-2</c:v>
                </c:pt>
                <c:pt idx="19">
                  <c:v>1.4197212183789365E-2</c:v>
                </c:pt>
                <c:pt idx="20">
                  <c:v>1.6634262259667316E-2</c:v>
                </c:pt>
                <c:pt idx="21">
                  <c:v>2.1328803322008306E-2</c:v>
                </c:pt>
                <c:pt idx="22">
                  <c:v>2.9880478087649404E-2</c:v>
                </c:pt>
                <c:pt idx="23">
                  <c:v>3.4133641886028347E-2</c:v>
                </c:pt>
                <c:pt idx="24">
                  <c:v>4.8790058862001308E-2</c:v>
                </c:pt>
                <c:pt idx="25">
                  <c:v>6.2380268199233715E-2</c:v>
                </c:pt>
                <c:pt idx="26">
                  <c:v>8.0017683465959333E-2</c:v>
                </c:pt>
                <c:pt idx="27">
                  <c:v>9.7439100562148662E-2</c:v>
                </c:pt>
                <c:pt idx="28">
                  <c:v>0.11982204646564508</c:v>
                </c:pt>
                <c:pt idx="29">
                  <c:v>0.14092243583672695</c:v>
                </c:pt>
                <c:pt idx="30">
                  <c:v>0.16259493091774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52CC-4324-B8C7-A3041C83B4A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854397296"/>
        <c:axId val="854388976"/>
      </c:lineChart>
      <c:dateAx>
        <c:axId val="854397296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54388976"/>
        <c:crosses val="autoZero"/>
        <c:auto val="1"/>
        <c:lblOffset val="100"/>
        <c:baseTimeUnit val="days"/>
      </c:dateAx>
      <c:valAx>
        <c:axId val="8543889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85439729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Sheet1!$H$1</c:f>
              <c:strCache>
                <c:ptCount val="1"/>
                <c:pt idx="0">
                  <c:v>Western Pacific Region (outside of China)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H$2:$H$31</c:f>
              <c:numCache>
                <c:formatCode>0</c:formatCode>
                <c:ptCount val="30"/>
                <c:pt idx="0">
                  <c:v>0</c:v>
                </c:pt>
                <c:pt idx="1">
                  <c:v>0</c:v>
                </c:pt>
                <c:pt idx="2">
                  <c:v>1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1</c:v>
                </c:pt>
                <c:pt idx="8">
                  <c:v>1</c:v>
                </c:pt>
                <c:pt idx="9">
                  <c:v>0</c:v>
                </c:pt>
                <c:pt idx="10">
                  <c:v>3</c:v>
                </c:pt>
                <c:pt idx="11">
                  <c:v>3</c:v>
                </c:pt>
                <c:pt idx="12">
                  <c:v>9</c:v>
                </c:pt>
                <c:pt idx="13">
                  <c:v>3</c:v>
                </c:pt>
                <c:pt idx="14">
                  <c:v>4</c:v>
                </c:pt>
                <c:pt idx="15">
                  <c:v>5</c:v>
                </c:pt>
                <c:pt idx="16">
                  <c:v>9</c:v>
                </c:pt>
                <c:pt idx="17">
                  <c:v>14</c:v>
                </c:pt>
                <c:pt idx="18">
                  <c:v>12</c:v>
                </c:pt>
                <c:pt idx="19">
                  <c:v>14</c:v>
                </c:pt>
                <c:pt idx="20">
                  <c:v>4</c:v>
                </c:pt>
                <c:pt idx="21">
                  <c:v>1</c:v>
                </c:pt>
                <c:pt idx="22">
                  <c:v>13</c:v>
                </c:pt>
                <c:pt idx="23">
                  <c:v>13</c:v>
                </c:pt>
                <c:pt idx="24">
                  <c:v>13</c:v>
                </c:pt>
                <c:pt idx="25">
                  <c:v>6</c:v>
                </c:pt>
                <c:pt idx="26">
                  <c:v>9</c:v>
                </c:pt>
                <c:pt idx="27">
                  <c:v>8</c:v>
                </c:pt>
                <c:pt idx="28">
                  <c:v>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8739-4117-86CF-75B429758904}"/>
            </c:ext>
          </c:extLst>
        </c:ser>
        <c:ser>
          <c:idx val="1"/>
          <c:order val="1"/>
          <c:tx>
            <c:strRef>
              <c:f>Sheet1!$I$1</c:f>
              <c:strCache>
                <c:ptCount val="1"/>
                <c:pt idx="0">
                  <c:v>South-East Asia Region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I$2:$I$31</c:f>
              <c:numCache>
                <c:formatCode>0</c:formatCode>
                <c:ptCount val="30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1</c:v>
                </c:pt>
                <c:pt idx="5">
                  <c:v>0</c:v>
                </c:pt>
                <c:pt idx="6">
                  <c:v>0</c:v>
                </c:pt>
                <c:pt idx="7">
                  <c:v>1</c:v>
                </c:pt>
                <c:pt idx="8">
                  <c:v>0</c:v>
                </c:pt>
                <c:pt idx="9">
                  <c:v>1</c:v>
                </c:pt>
                <c:pt idx="10">
                  <c:v>0</c:v>
                </c:pt>
                <c:pt idx="11">
                  <c:v>1</c:v>
                </c:pt>
                <c:pt idx="12">
                  <c:v>2</c:v>
                </c:pt>
                <c:pt idx="13">
                  <c:v>2</c:v>
                </c:pt>
                <c:pt idx="14">
                  <c:v>1</c:v>
                </c:pt>
                <c:pt idx="15">
                  <c:v>6</c:v>
                </c:pt>
                <c:pt idx="16">
                  <c:v>0</c:v>
                </c:pt>
                <c:pt idx="17">
                  <c:v>1</c:v>
                </c:pt>
                <c:pt idx="18">
                  <c:v>5</c:v>
                </c:pt>
                <c:pt idx="19">
                  <c:v>1</c:v>
                </c:pt>
                <c:pt idx="20">
                  <c:v>0</c:v>
                </c:pt>
                <c:pt idx="21">
                  <c:v>1</c:v>
                </c:pt>
                <c:pt idx="22">
                  <c:v>6</c:v>
                </c:pt>
                <c:pt idx="23">
                  <c:v>0</c:v>
                </c:pt>
                <c:pt idx="24">
                  <c:v>0</c:v>
                </c:pt>
                <c:pt idx="25">
                  <c:v>0</c:v>
                </c:pt>
                <c:pt idx="26">
                  <c:v>7</c:v>
                </c:pt>
                <c:pt idx="27">
                  <c:v>0</c:v>
                </c:pt>
                <c:pt idx="28">
                  <c:v>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8739-4117-86CF-75B429758904}"/>
            </c:ext>
          </c:extLst>
        </c:ser>
        <c:ser>
          <c:idx val="2"/>
          <c:order val="2"/>
          <c:tx>
            <c:strRef>
              <c:f>Sheet1!$J$1</c:f>
              <c:strCache>
                <c:ptCount val="1"/>
                <c:pt idx="0">
                  <c:v>European Region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J$2:$J$31</c:f>
              <c:numCache>
                <c:formatCode>0</c:formatCode>
                <c:ptCount val="30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3</c:v>
                </c:pt>
                <c:pt idx="12">
                  <c:v>0</c:v>
                </c:pt>
                <c:pt idx="13">
                  <c:v>0</c:v>
                </c:pt>
                <c:pt idx="14">
                  <c:v>1</c:v>
                </c:pt>
                <c:pt idx="15">
                  <c:v>4</c:v>
                </c:pt>
                <c:pt idx="16">
                  <c:v>2</c:v>
                </c:pt>
                <c:pt idx="17">
                  <c:v>3</c:v>
                </c:pt>
                <c:pt idx="18">
                  <c:v>9</c:v>
                </c:pt>
                <c:pt idx="19">
                  <c:v>1</c:v>
                </c:pt>
                <c:pt idx="20">
                  <c:v>2</c:v>
                </c:pt>
                <c:pt idx="21">
                  <c:v>2</c:v>
                </c:pt>
                <c:pt idx="22">
                  <c:v>1</c:v>
                </c:pt>
                <c:pt idx="23">
                  <c:v>0</c:v>
                </c:pt>
                <c:pt idx="24">
                  <c:v>3</c:v>
                </c:pt>
                <c:pt idx="25">
                  <c:v>1</c:v>
                </c:pt>
                <c:pt idx="26">
                  <c:v>5</c:v>
                </c:pt>
                <c:pt idx="27">
                  <c:v>2</c:v>
                </c:pt>
                <c:pt idx="28">
                  <c:v>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8739-4117-86CF-75B429758904}"/>
            </c:ext>
          </c:extLst>
        </c:ser>
        <c:ser>
          <c:idx val="3"/>
          <c:order val="3"/>
          <c:tx>
            <c:strRef>
              <c:f>Sheet1!$K$1</c:f>
              <c:strCache>
                <c:ptCount val="1"/>
                <c:pt idx="0">
                  <c:v>Region of the Americas</c:v>
                </c:pt>
              </c:strCache>
            </c:strRef>
          </c:tx>
          <c:spPr>
            <a:ln w="28575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K$2:$K$31</c:f>
              <c:numCache>
                <c:formatCode>0</c:formatCode>
                <c:ptCount val="30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1</c:v>
                </c:pt>
                <c:pt idx="9">
                  <c:v>0</c:v>
                </c:pt>
                <c:pt idx="10">
                  <c:v>0</c:v>
                </c:pt>
                <c:pt idx="11">
                  <c:v>1</c:v>
                </c:pt>
                <c:pt idx="12">
                  <c:v>0</c:v>
                </c:pt>
                <c:pt idx="13">
                  <c:v>4</c:v>
                </c:pt>
                <c:pt idx="14">
                  <c:v>0</c:v>
                </c:pt>
                <c:pt idx="15">
                  <c:v>0</c:v>
                </c:pt>
                <c:pt idx="16">
                  <c:v>2</c:v>
                </c:pt>
                <c:pt idx="17">
                  <c:v>1</c:v>
                </c:pt>
                <c:pt idx="18">
                  <c:v>1</c:v>
                </c:pt>
                <c:pt idx="19">
                  <c:v>2</c:v>
                </c:pt>
                <c:pt idx="20">
                  <c:v>3</c:v>
                </c:pt>
                <c:pt idx="21">
                  <c:v>0</c:v>
                </c:pt>
                <c:pt idx="22">
                  <c:v>1</c:v>
                </c:pt>
                <c:pt idx="23">
                  <c:v>0</c:v>
                </c:pt>
                <c:pt idx="24">
                  <c:v>3</c:v>
                </c:pt>
                <c:pt idx="25">
                  <c:v>0</c:v>
                </c:pt>
                <c:pt idx="26">
                  <c:v>0</c:v>
                </c:pt>
                <c:pt idx="27">
                  <c:v>0</c:v>
                </c:pt>
                <c:pt idx="28">
                  <c:v>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8739-4117-86CF-75B429758904}"/>
            </c:ext>
          </c:extLst>
        </c:ser>
        <c:ser>
          <c:idx val="4"/>
          <c:order val="4"/>
          <c:tx>
            <c:strRef>
              <c:f>Sheet1!$L$1</c:f>
              <c:strCache>
                <c:ptCount val="1"/>
                <c:pt idx="0">
                  <c:v>Eastern Mediterranean Region</c:v>
                </c:pt>
              </c:strCache>
            </c:strRef>
          </c:tx>
          <c:spPr>
            <a:ln w="28575" cap="rnd">
              <a:solidFill>
                <a:schemeClr val="accent5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L$2:$L$31</c:f>
              <c:numCache>
                <c:formatCode>0</c:formatCode>
                <c:ptCount val="30"/>
                <c:pt idx="0">
                  <c:v>1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1</c:v>
                </c:pt>
                <c:pt idx="17">
                  <c:v>3</c:v>
                </c:pt>
                <c:pt idx="18">
                  <c:v>1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  <c:pt idx="24">
                  <c:v>0</c:v>
                </c:pt>
                <c:pt idx="25">
                  <c:v>0</c:v>
                </c:pt>
                <c:pt idx="26">
                  <c:v>2</c:v>
                </c:pt>
                <c:pt idx="27">
                  <c:v>0</c:v>
                </c:pt>
                <c:pt idx="28">
                  <c:v>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8739-4117-86CF-75B429758904}"/>
            </c:ext>
          </c:extLst>
        </c:ser>
        <c:ser>
          <c:idx val="5"/>
          <c:order val="5"/>
          <c:tx>
            <c:strRef>
              <c:f>Sheet1!$M$1</c:f>
              <c:strCache>
                <c:ptCount val="1"/>
                <c:pt idx="0">
                  <c:v>International Conveyancea (Japan)</c:v>
                </c:pt>
              </c:strCache>
            </c:strRef>
          </c:tx>
          <c:spPr>
            <a:ln w="28575" cap="rnd">
              <a:solidFill>
                <a:schemeClr val="accent6"/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M$2:$M$31</c:f>
              <c:numCache>
                <c:formatCode>0</c:formatCode>
                <c:ptCount val="30"/>
                <c:pt idx="0" formatCode="General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10</c:v>
                </c:pt>
                <c:pt idx="24">
                  <c:v>10</c:v>
                </c:pt>
                <c:pt idx="25">
                  <c:v>41</c:v>
                </c:pt>
                <c:pt idx="26">
                  <c:v>3</c:v>
                </c:pt>
                <c:pt idx="27">
                  <c:v>6</c:v>
                </c:pt>
                <c:pt idx="28">
                  <c:v>6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8739-4117-86CF-75B429758904}"/>
            </c:ext>
          </c:extLst>
        </c:ser>
        <c:ser>
          <c:idx val="6"/>
          <c:order val="6"/>
          <c:tx>
            <c:strRef>
              <c:f>Sheet1!$N$1</c:f>
              <c:strCache>
                <c:ptCount val="1"/>
                <c:pt idx="0">
                  <c:v>Total</c:v>
                </c:pt>
              </c:strCache>
            </c:strRef>
          </c:tx>
          <c:spPr>
            <a:ln w="28575" cap="rnd">
              <a:solidFill>
                <a:schemeClr val="accent1">
                  <a:lumMod val="6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f>Sheet1!$A$2:$A$31</c:f>
              <c:numCache>
                <c:formatCode>m/d/yyyy</c:formatCode>
                <c:ptCount val="30"/>
                <c:pt idx="0">
                  <c:v>43843</c:v>
                </c:pt>
                <c:pt idx="1">
                  <c:v>43844</c:v>
                </c:pt>
                <c:pt idx="2">
                  <c:v>43845</c:v>
                </c:pt>
                <c:pt idx="3">
                  <c:v>43846</c:v>
                </c:pt>
                <c:pt idx="4">
                  <c:v>43847</c:v>
                </c:pt>
                <c:pt idx="5">
                  <c:v>43848</c:v>
                </c:pt>
                <c:pt idx="6">
                  <c:v>43849</c:v>
                </c:pt>
                <c:pt idx="7">
                  <c:v>43850</c:v>
                </c:pt>
                <c:pt idx="8">
                  <c:v>43851</c:v>
                </c:pt>
                <c:pt idx="9">
                  <c:v>43852</c:v>
                </c:pt>
                <c:pt idx="10">
                  <c:v>43853</c:v>
                </c:pt>
                <c:pt idx="11">
                  <c:v>43854</c:v>
                </c:pt>
                <c:pt idx="12">
                  <c:v>43855</c:v>
                </c:pt>
                <c:pt idx="13">
                  <c:v>43856</c:v>
                </c:pt>
                <c:pt idx="14">
                  <c:v>43857</c:v>
                </c:pt>
                <c:pt idx="15">
                  <c:v>43858</c:v>
                </c:pt>
                <c:pt idx="16">
                  <c:v>43859</c:v>
                </c:pt>
                <c:pt idx="17">
                  <c:v>43860</c:v>
                </c:pt>
                <c:pt idx="18">
                  <c:v>43861</c:v>
                </c:pt>
                <c:pt idx="19">
                  <c:v>43862</c:v>
                </c:pt>
                <c:pt idx="20">
                  <c:v>43863</c:v>
                </c:pt>
                <c:pt idx="21">
                  <c:v>43864</c:v>
                </c:pt>
                <c:pt idx="22">
                  <c:v>43865</c:v>
                </c:pt>
                <c:pt idx="23">
                  <c:v>43866</c:v>
                </c:pt>
                <c:pt idx="24">
                  <c:v>43867</c:v>
                </c:pt>
                <c:pt idx="25">
                  <c:v>43868</c:v>
                </c:pt>
                <c:pt idx="26">
                  <c:v>43869</c:v>
                </c:pt>
                <c:pt idx="27">
                  <c:v>43870</c:v>
                </c:pt>
                <c:pt idx="28">
                  <c:v>43871</c:v>
                </c:pt>
                <c:pt idx="29">
                  <c:v>43872</c:v>
                </c:pt>
              </c:numCache>
            </c:numRef>
          </c:cat>
          <c:val>
            <c:numRef>
              <c:f>Sheet1!$N$2:$N$31</c:f>
              <c:numCache>
                <c:formatCode>0</c:formatCode>
                <c:ptCount val="30"/>
                <c:pt idx="0">
                  <c:v>1</c:v>
                </c:pt>
                <c:pt idx="1">
                  <c:v>0</c:v>
                </c:pt>
                <c:pt idx="2">
                  <c:v>1</c:v>
                </c:pt>
                <c:pt idx="3">
                  <c:v>0</c:v>
                </c:pt>
                <c:pt idx="4">
                  <c:v>1</c:v>
                </c:pt>
                <c:pt idx="5">
                  <c:v>0</c:v>
                </c:pt>
                <c:pt idx="6">
                  <c:v>0</c:v>
                </c:pt>
                <c:pt idx="7">
                  <c:v>2</c:v>
                </c:pt>
                <c:pt idx="8">
                  <c:v>2</c:v>
                </c:pt>
                <c:pt idx="9">
                  <c:v>1</c:v>
                </c:pt>
                <c:pt idx="10">
                  <c:v>3</c:v>
                </c:pt>
                <c:pt idx="11">
                  <c:v>8</c:v>
                </c:pt>
                <c:pt idx="12">
                  <c:v>11</c:v>
                </c:pt>
                <c:pt idx="13">
                  <c:v>9</c:v>
                </c:pt>
                <c:pt idx="14">
                  <c:v>6</c:v>
                </c:pt>
                <c:pt idx="15">
                  <c:v>15</c:v>
                </c:pt>
                <c:pt idx="16">
                  <c:v>14</c:v>
                </c:pt>
                <c:pt idx="17">
                  <c:v>22</c:v>
                </c:pt>
                <c:pt idx="18">
                  <c:v>28</c:v>
                </c:pt>
                <c:pt idx="19">
                  <c:v>18</c:v>
                </c:pt>
                <c:pt idx="20">
                  <c:v>9</c:v>
                </c:pt>
                <c:pt idx="21">
                  <c:v>4</c:v>
                </c:pt>
                <c:pt idx="22">
                  <c:v>21</c:v>
                </c:pt>
                <c:pt idx="23">
                  <c:v>13</c:v>
                </c:pt>
                <c:pt idx="24">
                  <c:v>19</c:v>
                </c:pt>
                <c:pt idx="25">
                  <c:v>7</c:v>
                </c:pt>
                <c:pt idx="26">
                  <c:v>23</c:v>
                </c:pt>
                <c:pt idx="27">
                  <c:v>10</c:v>
                </c:pt>
                <c:pt idx="28">
                  <c:v>1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6-8739-4117-86CF-75B42975890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637537440"/>
        <c:axId val="1637534528"/>
      </c:lineChart>
      <c:dateAx>
        <c:axId val="1637537440"/>
        <c:scaling>
          <c:orientation val="minMax"/>
        </c:scaling>
        <c:delete val="0"/>
        <c:axPos val="b"/>
        <c:numFmt formatCode="m/d/yyyy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37534528"/>
        <c:crosses val="autoZero"/>
        <c:auto val="1"/>
        <c:lblOffset val="100"/>
        <c:baseTimeUnit val="days"/>
      </c:dateAx>
      <c:valAx>
        <c:axId val="16375345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3753744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0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6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7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8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9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A340B72-E272-4DA5-8AC4-85EE5EFAFE9A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9291D188-47D8-4524-9C20-9CA6211D309F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12636520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291D188-47D8-4524-9C20-9CA6211D309F}" type="slidenum">
              <a:rPr lang="en-GB" smtClean="0"/>
              <a:t>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04434598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291D188-47D8-4524-9C20-9CA6211D309F}" type="slidenum">
              <a:rPr lang="en-GB" smtClean="0"/>
              <a:t>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15142308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291D188-47D8-4524-9C20-9CA6211D309F}" type="slidenum">
              <a:rPr lang="en-GB" smtClean="0"/>
              <a:t>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6807885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291D188-47D8-4524-9C20-9CA6211D309F}" type="slidenum">
              <a:rPr lang="en-GB" smtClean="0"/>
              <a:t>5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6126771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4977758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83619381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38540006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7434015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62923044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42934713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6835559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96030276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6955787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35517732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5914898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DDFD233-126D-4F26-A955-03A7276AD93E}" type="datetimeFigureOut">
              <a:rPr lang="en-GB" smtClean="0"/>
              <a:t>12/02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A4362C7-F994-40CE-BFD5-0A620CB6B437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6076938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1.xml"/><Relationship Id="rId2" Type="http://schemas.openxmlformats.org/officeDocument/2006/relationships/video" Target="../media/media1.mp4"/><Relationship Id="rId1" Type="http://schemas.microsoft.com/office/2007/relationships/media" Target="../media/media1.mp4"/><Relationship Id="rId5" Type="http://schemas.openxmlformats.org/officeDocument/2006/relationships/image" Target="../media/image2.png"/><Relationship Id="rId4" Type="http://schemas.openxmlformats.org/officeDocument/2006/relationships/notesSlide" Target="../notesSlides/notesSlide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6" Type="http://schemas.openxmlformats.org/officeDocument/2006/relationships/chart" Target="../charts/chart4.xml"/><Relationship Id="rId5" Type="http://schemas.openxmlformats.org/officeDocument/2006/relationships/chart" Target="../charts/chart3.xml"/><Relationship Id="rId4" Type="http://schemas.openxmlformats.org/officeDocument/2006/relationships/chart" Target="../charts/char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.xml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6" Type="http://schemas.openxmlformats.org/officeDocument/2006/relationships/chart" Target="../charts/chart8.xml"/><Relationship Id="rId5" Type="http://schemas.openxmlformats.org/officeDocument/2006/relationships/chart" Target="../charts/chart7.xml"/><Relationship Id="rId4" Type="http://schemas.openxmlformats.org/officeDocument/2006/relationships/chart" Target="../charts/chart6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9.xm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0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tiff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s://marlin-prod.literatumonline.com/cms/attachment/20d26c7a-54a6-4643-92f5-0270d8c19c97/gr1_lrg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58132" y="486285"/>
            <a:ext cx="9226213" cy="5904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295786" y="0"/>
            <a:ext cx="729048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000" b="1" dirty="0"/>
              <a:t>Timeline of early stages of 2019-nCoV </a:t>
            </a:r>
            <a:r>
              <a:rPr lang="en-GB" sz="2000" b="1" dirty="0" smtClean="0"/>
              <a:t>outbreak (</a:t>
            </a:r>
            <a:r>
              <a:rPr lang="en-US" sz="2000" b="1" dirty="0"/>
              <a:t>W</a:t>
            </a:r>
            <a:r>
              <a:rPr lang="en-US" altLang="zh-CN" sz="2000" b="1" dirty="0" smtClean="0"/>
              <a:t>ang</a:t>
            </a:r>
            <a:r>
              <a:rPr lang="en-GB" sz="2000" b="1" dirty="0" smtClean="0"/>
              <a:t> et al. 2019)</a:t>
            </a:r>
            <a:endParaRPr lang="en-GB" sz="2000" dirty="0"/>
          </a:p>
        </p:txBody>
      </p:sp>
    </p:spTree>
    <p:extLst>
      <p:ext uri="{BB962C8B-B14F-4D97-AF65-F5344CB8AC3E}">
        <p14:creationId xmlns:p14="http://schemas.microsoft.com/office/powerpoint/2010/main" val="28687967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nCoV combined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0" y="381000"/>
            <a:ext cx="12192000" cy="6096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516476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4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4"/>
                </p:tgtEl>
              </p:cMediaNode>
            </p:video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83174508"/>
              </p:ext>
            </p:extLst>
          </p:nvPr>
        </p:nvGraphicFramePr>
        <p:xfrm>
          <a:off x="379476" y="355973"/>
          <a:ext cx="5157216" cy="304380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97444414"/>
              </p:ext>
            </p:extLst>
          </p:nvPr>
        </p:nvGraphicFramePr>
        <p:xfrm>
          <a:off x="6254496" y="403288"/>
          <a:ext cx="5571744" cy="3052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8" name="Chart 7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106237514"/>
              </p:ext>
            </p:extLst>
          </p:nvPr>
        </p:nvGraphicFramePr>
        <p:xfrm>
          <a:off x="6254496" y="3513665"/>
          <a:ext cx="5379720" cy="312972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sp>
        <p:nvSpPr>
          <p:cNvPr id="9" name="TextBox 8"/>
          <p:cNvSpPr txBox="1"/>
          <p:nvPr/>
        </p:nvSpPr>
        <p:spPr>
          <a:xfrm>
            <a:off x="0" y="0"/>
            <a:ext cx="54864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400" b="1" dirty="0" smtClean="0"/>
              <a:t>National (data from NHC of China)</a:t>
            </a:r>
            <a:endParaRPr lang="en-GB" sz="2400" b="1" dirty="0"/>
          </a:p>
        </p:txBody>
      </p:sp>
      <p:graphicFrame>
        <p:nvGraphicFramePr>
          <p:cNvPr id="10" name="Chart 9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221674628"/>
              </p:ext>
            </p:extLst>
          </p:nvPr>
        </p:nvGraphicFramePr>
        <p:xfrm>
          <a:off x="181165" y="3455288"/>
          <a:ext cx="5714429" cy="336308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sp>
        <p:nvSpPr>
          <p:cNvPr id="2" name="TextBox 1"/>
          <p:cNvSpPr txBox="1"/>
          <p:nvPr/>
        </p:nvSpPr>
        <p:spPr>
          <a:xfrm>
            <a:off x="7315200" y="461665"/>
            <a:ext cx="3931920" cy="16004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Confirmed (cumulative ):44653</a:t>
            </a:r>
          </a:p>
          <a:p>
            <a:r>
              <a:rPr lang="en-US" sz="1600" dirty="0" smtClean="0"/>
              <a:t>Confirmed (current): 38800 (86.9%)</a:t>
            </a:r>
          </a:p>
          <a:p>
            <a:r>
              <a:rPr lang="en-US" sz="1600" dirty="0"/>
              <a:t> </a:t>
            </a:r>
            <a:r>
              <a:rPr lang="en-US" sz="1600" dirty="0" smtClean="0"/>
              <a:t>                       </a:t>
            </a:r>
            <a:r>
              <a:rPr lang="en-US" sz="1600" i="1" dirty="0" smtClean="0">
                <a:solidFill>
                  <a:schemeClr val="accent1"/>
                </a:solidFill>
              </a:rPr>
              <a:t>severe: 8204 (21.1%)</a:t>
            </a:r>
          </a:p>
          <a:p>
            <a:r>
              <a:rPr lang="en-US" sz="1600" dirty="0" smtClean="0"/>
              <a:t>Deaths: 1113 (2.5%)</a:t>
            </a:r>
          </a:p>
          <a:p>
            <a:r>
              <a:rPr lang="en-US" sz="1600" dirty="0" smtClean="0"/>
              <a:t>Recovered: 4740 (10.6%)</a:t>
            </a:r>
          </a:p>
          <a:p>
            <a:endParaRPr lang="en-GB" dirty="0"/>
          </a:p>
        </p:txBody>
      </p:sp>
      <p:sp>
        <p:nvSpPr>
          <p:cNvPr id="3" name="TextBox 2"/>
          <p:cNvSpPr txBox="1"/>
          <p:nvPr/>
        </p:nvSpPr>
        <p:spPr>
          <a:xfrm>
            <a:off x="2157984" y="538608"/>
            <a:ext cx="1600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ew cases</a:t>
            </a:r>
            <a:endParaRPr lang="en-GB" dirty="0"/>
          </a:p>
        </p:txBody>
      </p:sp>
      <p:sp>
        <p:nvSpPr>
          <p:cNvPr id="5" name="TextBox 4"/>
          <p:cNvSpPr txBox="1"/>
          <p:nvPr/>
        </p:nvSpPr>
        <p:spPr>
          <a:xfrm>
            <a:off x="1909095" y="3328999"/>
            <a:ext cx="225856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Fatality/recovery rate</a:t>
            </a:r>
            <a:endParaRPr lang="en-GB" dirty="0"/>
          </a:p>
        </p:txBody>
      </p:sp>
      <p:sp>
        <p:nvSpPr>
          <p:cNvPr id="11" name="TextBox 10"/>
          <p:cNvSpPr txBox="1"/>
          <p:nvPr/>
        </p:nvSpPr>
        <p:spPr>
          <a:xfrm>
            <a:off x="7425213" y="3542714"/>
            <a:ext cx="2496312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Close contacts: 451462</a:t>
            </a:r>
          </a:p>
          <a:p>
            <a:r>
              <a:rPr lang="en-US" sz="1600" dirty="0" smtClean="0"/>
              <a:t>Quarantined: 185037</a:t>
            </a:r>
            <a:endParaRPr lang="en-GB" sz="1600" dirty="0"/>
          </a:p>
        </p:txBody>
      </p:sp>
    </p:spTree>
    <p:extLst>
      <p:ext uri="{BB962C8B-B14F-4D97-AF65-F5344CB8AC3E}">
        <p14:creationId xmlns:p14="http://schemas.microsoft.com/office/powerpoint/2010/main" val="32536210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3" name="Chart 12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483765312"/>
              </p:ext>
            </p:extLst>
          </p:nvPr>
        </p:nvGraphicFramePr>
        <p:xfrm>
          <a:off x="5950110" y="167501"/>
          <a:ext cx="5770835" cy="336673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267952111"/>
              </p:ext>
            </p:extLst>
          </p:nvPr>
        </p:nvGraphicFramePr>
        <p:xfrm>
          <a:off x="269748" y="413792"/>
          <a:ext cx="5530688" cy="313297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2" name="TextBox 1"/>
          <p:cNvSpPr txBox="1"/>
          <p:nvPr/>
        </p:nvSpPr>
        <p:spPr>
          <a:xfrm>
            <a:off x="1754908" y="326209"/>
            <a:ext cx="304799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Newly </a:t>
            </a:r>
            <a:r>
              <a:rPr lang="en-US" altLang="zh-CN" dirty="0" smtClean="0"/>
              <a:t>confirmed </a:t>
            </a:r>
            <a:r>
              <a:rPr lang="en-US" altLang="zh-CN" dirty="0" smtClean="0"/>
              <a:t>cases</a:t>
            </a:r>
            <a:endParaRPr lang="en-GB" dirty="0"/>
          </a:p>
        </p:txBody>
      </p:sp>
      <p:sp>
        <p:nvSpPr>
          <p:cNvPr id="7" name="TextBox 6"/>
          <p:cNvSpPr txBox="1"/>
          <p:nvPr/>
        </p:nvSpPr>
        <p:spPr>
          <a:xfrm>
            <a:off x="7753051" y="326209"/>
            <a:ext cx="304799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D</a:t>
            </a:r>
            <a:r>
              <a:rPr lang="en-US" altLang="zh-CN" dirty="0" smtClean="0"/>
              <a:t>eaths/</a:t>
            </a:r>
            <a:r>
              <a:rPr lang="en-US" dirty="0" smtClean="0"/>
              <a:t>Recovered</a:t>
            </a:r>
            <a:endParaRPr lang="en-GB" dirty="0"/>
          </a:p>
          <a:p>
            <a:endParaRPr lang="en-GB" dirty="0"/>
          </a:p>
        </p:txBody>
      </p:sp>
      <p:sp>
        <p:nvSpPr>
          <p:cNvPr id="8" name="TextBox 7"/>
          <p:cNvSpPr txBox="1"/>
          <p:nvPr/>
        </p:nvSpPr>
        <p:spPr>
          <a:xfrm>
            <a:off x="120073" y="-47873"/>
            <a:ext cx="54864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400" b="1" dirty="0" smtClean="0"/>
              <a:t>Hubei (data from NHC of China)</a:t>
            </a:r>
            <a:endParaRPr lang="en-GB" sz="2400" b="1" dirty="0"/>
          </a:p>
        </p:txBody>
      </p:sp>
      <p:graphicFrame>
        <p:nvGraphicFramePr>
          <p:cNvPr id="9" name="Chart 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925338078"/>
              </p:ext>
            </p:extLst>
          </p:nvPr>
        </p:nvGraphicFramePr>
        <p:xfrm>
          <a:off x="269748" y="3546763"/>
          <a:ext cx="5530688" cy="316882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sp>
        <p:nvSpPr>
          <p:cNvPr id="10" name="TextBox 9"/>
          <p:cNvSpPr txBox="1"/>
          <p:nvPr/>
        </p:nvSpPr>
        <p:spPr>
          <a:xfrm>
            <a:off x="2213055" y="3534236"/>
            <a:ext cx="164407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Fatality rate</a:t>
            </a:r>
            <a:endParaRPr lang="en-GB" dirty="0"/>
          </a:p>
        </p:txBody>
      </p:sp>
      <p:graphicFrame>
        <p:nvGraphicFramePr>
          <p:cNvPr id="11" name="Chart 1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673535561"/>
              </p:ext>
            </p:extLst>
          </p:nvPr>
        </p:nvGraphicFramePr>
        <p:xfrm>
          <a:off x="6144073" y="3594329"/>
          <a:ext cx="5196840" cy="31813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sp>
        <p:nvSpPr>
          <p:cNvPr id="12" name="TextBox 11"/>
          <p:cNvSpPr txBox="1"/>
          <p:nvPr/>
        </p:nvSpPr>
        <p:spPr>
          <a:xfrm>
            <a:off x="8012545" y="3600057"/>
            <a:ext cx="304799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Recovery rate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1197726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9" name="Chart 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683385291"/>
              </p:ext>
            </p:extLst>
          </p:nvPr>
        </p:nvGraphicFramePr>
        <p:xfrm>
          <a:off x="5839206" y="341637"/>
          <a:ext cx="6412230" cy="431939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1855526" y="4759877"/>
            <a:ext cx="8412939" cy="17851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spcAft>
                <a:spcPts val="600"/>
              </a:spcAft>
              <a:buFont typeface="Wingdings" panose="05000000000000000000" pitchFamily="2" charset="2"/>
              <a:buChar char="ü"/>
            </a:pPr>
            <a:r>
              <a:rPr lang="en-US" altLang="zh-CN" dirty="0" smtClean="0"/>
              <a:t>24 countries; 400 confirmed, 136 are from the cruise ship in Japan.</a:t>
            </a:r>
          </a:p>
          <a:p>
            <a:pPr marL="285750" indent="-285750">
              <a:spcAft>
                <a:spcPts val="600"/>
              </a:spcAft>
              <a:buFont typeface="Wingdings" panose="05000000000000000000" pitchFamily="2" charset="2"/>
              <a:buChar char="ü"/>
            </a:pPr>
            <a:r>
              <a:rPr lang="en-US" altLang="zh-CN" dirty="0" smtClean="0"/>
              <a:t>First </a:t>
            </a:r>
            <a:r>
              <a:rPr lang="en-US" altLang="zh-CN" dirty="0"/>
              <a:t>case outside of China reported in Thailand on 13 Jan</a:t>
            </a:r>
            <a:r>
              <a:rPr lang="en-US" altLang="zh-CN" dirty="0" smtClean="0"/>
              <a:t>.</a:t>
            </a:r>
            <a:endParaRPr lang="en-GB" dirty="0" smtClean="0"/>
          </a:p>
          <a:p>
            <a:pPr marL="285750" indent="-285750">
              <a:spcAft>
                <a:spcPts val="600"/>
              </a:spcAft>
              <a:buFont typeface="Wingdings" panose="05000000000000000000" pitchFamily="2" charset="2"/>
              <a:buChar char="ü"/>
            </a:pPr>
            <a:r>
              <a:rPr lang="en-GB" dirty="0" smtClean="0"/>
              <a:t>First (only) </a:t>
            </a:r>
            <a:r>
              <a:rPr lang="en-GB" dirty="0"/>
              <a:t>fatal case outside of China occurred in Philippines on 2 Feb</a:t>
            </a:r>
            <a:r>
              <a:rPr lang="en-GB" dirty="0" smtClean="0"/>
              <a:t>.</a:t>
            </a:r>
          </a:p>
          <a:p>
            <a:pPr marL="285750" indent="-285750">
              <a:spcAft>
                <a:spcPts val="600"/>
              </a:spcAft>
              <a:buFont typeface="Wingdings" panose="05000000000000000000" pitchFamily="2" charset="2"/>
              <a:buChar char="ü"/>
            </a:pPr>
            <a:r>
              <a:rPr lang="en-US" dirty="0" smtClean="0"/>
              <a:t>Transmission </a:t>
            </a:r>
            <a:r>
              <a:rPr lang="en-US" dirty="0" smtClean="0"/>
              <a:t>occurred </a:t>
            </a:r>
            <a:r>
              <a:rPr lang="en-US" dirty="0" smtClean="0"/>
              <a:t>in 12 countries (WHO).</a:t>
            </a:r>
            <a:endParaRPr lang="en-US" dirty="0" smtClean="0"/>
          </a:p>
          <a:p>
            <a:pPr marL="285750" indent="-285750">
              <a:spcAft>
                <a:spcPts val="600"/>
              </a:spcAft>
              <a:buFont typeface="Wingdings" panose="05000000000000000000" pitchFamily="2" charset="2"/>
              <a:buChar char="ü"/>
            </a:pPr>
            <a:r>
              <a:rPr lang="en-GB" dirty="0" smtClean="0"/>
              <a:t>No new countries reported cases of 2019-nCoV in the past </a:t>
            </a:r>
            <a:r>
              <a:rPr lang="en-GB" dirty="0" smtClean="0"/>
              <a:t>one week (WHO). </a:t>
            </a:r>
            <a:endParaRPr lang="en-GB" dirty="0"/>
          </a:p>
        </p:txBody>
      </p:sp>
      <p:sp>
        <p:nvSpPr>
          <p:cNvPr id="7" name="TextBox 6"/>
          <p:cNvSpPr txBox="1"/>
          <p:nvPr/>
        </p:nvSpPr>
        <p:spPr>
          <a:xfrm>
            <a:off x="1347909" y="535492"/>
            <a:ext cx="299008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umulative confirmed cases</a:t>
            </a:r>
            <a:endParaRPr lang="en-GB" dirty="0"/>
          </a:p>
        </p:txBody>
      </p:sp>
      <p:sp>
        <p:nvSpPr>
          <p:cNvPr id="8" name="TextBox 7"/>
          <p:cNvSpPr txBox="1"/>
          <p:nvPr/>
        </p:nvSpPr>
        <p:spPr>
          <a:xfrm>
            <a:off x="7550277" y="535492"/>
            <a:ext cx="299008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ewly confirmed cases</a:t>
            </a:r>
            <a:endParaRPr lang="en-GB" dirty="0"/>
          </a:p>
        </p:txBody>
      </p:sp>
      <p:graphicFrame>
        <p:nvGraphicFramePr>
          <p:cNvPr id="10" name="Chart 9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25910680"/>
              </p:ext>
            </p:extLst>
          </p:nvPr>
        </p:nvGraphicFramePr>
        <p:xfrm>
          <a:off x="20383" y="313539"/>
          <a:ext cx="5818823" cy="425248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1" name="TextBox 10"/>
          <p:cNvSpPr txBox="1"/>
          <p:nvPr/>
        </p:nvSpPr>
        <p:spPr>
          <a:xfrm>
            <a:off x="120073" y="-47873"/>
            <a:ext cx="54864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b="1" dirty="0" smtClean="0"/>
              <a:t>Outside of China (mixed data </a:t>
            </a:r>
            <a:r>
              <a:rPr lang="en-US" sz="2400" b="1" dirty="0" smtClean="0"/>
              <a:t>sources)</a:t>
            </a:r>
            <a:endParaRPr lang="en-GB" sz="2400" b="1" dirty="0"/>
          </a:p>
        </p:txBody>
      </p:sp>
    </p:spTree>
    <p:extLst>
      <p:ext uri="{BB962C8B-B14F-4D97-AF65-F5344CB8AC3E}">
        <p14:creationId xmlns:p14="http://schemas.microsoft.com/office/powerpoint/2010/main" val="5732163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525614233"/>
              </p:ext>
            </p:extLst>
          </p:nvPr>
        </p:nvGraphicFramePr>
        <p:xfrm>
          <a:off x="1489604" y="831852"/>
          <a:ext cx="9311502" cy="548406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711660">
                  <a:extLst>
                    <a:ext uri="{9D8B030D-6E8A-4147-A177-3AD203B41FA5}">
                      <a16:colId xmlns:a16="http://schemas.microsoft.com/office/drawing/2014/main" val="3459604452"/>
                    </a:ext>
                  </a:extLst>
                </a:gridCol>
                <a:gridCol w="6599842">
                  <a:extLst>
                    <a:ext uri="{9D8B030D-6E8A-4147-A177-3AD203B41FA5}">
                      <a16:colId xmlns:a16="http://schemas.microsoft.com/office/drawing/2014/main" val="2376808978"/>
                    </a:ext>
                  </a:extLst>
                </a:gridCol>
              </a:tblGrid>
              <a:tr h="0">
                <a:tc>
                  <a:txBody>
                    <a:bodyPr/>
                    <a:lstStyle/>
                    <a:p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GB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99217496"/>
                  </a:ext>
                </a:extLst>
              </a:tr>
              <a:tr h="916369">
                <a:tc>
                  <a:txBody>
                    <a:bodyPr/>
                    <a:lstStyle/>
                    <a:p>
                      <a:r>
                        <a:rPr lang="en-GB" sz="1800" b="1" dirty="0" smtClean="0"/>
                        <a:t>Source of infection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800" dirty="0" smtClean="0"/>
                        <a:t>Cases infected with 2019-nCoV. Asymptomatic cases can also be the source.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748507810"/>
                  </a:ext>
                </a:extLst>
              </a:tr>
              <a:tr h="1128905">
                <a:tc>
                  <a:txBody>
                    <a:bodyPr/>
                    <a:lstStyle/>
                    <a:p>
                      <a:r>
                        <a:rPr lang="en-GB" sz="1800" b="1" dirty="0" smtClean="0"/>
                        <a:t>Transmission routes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800" dirty="0" smtClean="0"/>
                        <a:t>Respiratory droplets and contact are the main routes. Transmission through aerosols and digestive tract and vertical transmission remains to be confirmed.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9596083"/>
                  </a:ext>
                </a:extLst>
              </a:tr>
              <a:tr h="1116548">
                <a:tc>
                  <a:txBody>
                    <a:bodyPr/>
                    <a:lstStyle/>
                    <a:p>
                      <a:r>
                        <a:rPr lang="en-GB" sz="1800" b="1" dirty="0" smtClean="0"/>
                        <a:t>Susceptible population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GB" sz="1800" dirty="0" smtClean="0"/>
                        <a:t>People of all age groups are susceptible, especially the elderly people and those with underlying conditions. Cases of children and infants have also reported.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882534711"/>
                  </a:ext>
                </a:extLst>
              </a:tr>
              <a:tr h="906484">
                <a:tc>
                  <a:txBody>
                    <a:bodyPr/>
                    <a:lstStyle/>
                    <a:p>
                      <a:r>
                        <a:rPr lang="en-GB" sz="1800" b="1" dirty="0" smtClean="0"/>
                        <a:t>Incubation period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GB" sz="1800" dirty="0" smtClean="0"/>
                        <a:t>3 to 7 days. Contagious during incubation period, but asymptomatic cases are less contagious.</a:t>
                      </a:r>
                      <a:endParaRPr lang="en-GB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678754417"/>
                  </a:ext>
                </a:extLst>
              </a:tr>
              <a:tr h="1050000">
                <a:tc>
                  <a:txBody>
                    <a:bodyPr/>
                    <a:lstStyle/>
                    <a:p>
                      <a:r>
                        <a:rPr lang="en-GB" sz="1800" b="1" dirty="0" smtClean="0"/>
                        <a:t>Hosts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800" dirty="0" smtClean="0"/>
                        <a:t>Wild animals, possibly Chinese horseshoe bats. </a:t>
                      </a:r>
                      <a:r>
                        <a:rPr lang="en-GB" sz="1800" dirty="0" smtClean="0">
                          <a:solidFill>
                            <a:srgbClr val="000000"/>
                          </a:solidFill>
                          <a:latin typeface="Calibri" panose="020F0502020204030204" pitchFamily="34" charset="0"/>
                        </a:rPr>
                        <a:t>Pangolin (</a:t>
                      </a:r>
                      <a:r>
                        <a:rPr lang="en-GB" sz="1800" dirty="0" smtClean="0"/>
                        <a:t>Intermediary</a:t>
                      </a:r>
                      <a:r>
                        <a:rPr lang="en-GB" sz="1800" dirty="0" smtClean="0">
                          <a:solidFill>
                            <a:srgbClr val="000000"/>
                          </a:solidFill>
                          <a:latin typeface="Calibri" panose="020F0502020204030204" pitchFamily="34" charset="0"/>
                        </a:rPr>
                        <a:t> host)</a:t>
                      </a: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Calibri" panose="020F0502020204030204" pitchFamily="34" charset="0"/>
                        </a:rPr>
                        <a:t>?</a:t>
                      </a:r>
                      <a:endParaRPr lang="en-GB" sz="1800" dirty="0" smtClean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313982222"/>
                  </a:ext>
                </a:extLst>
              </a:tr>
            </a:tbl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475983" y="148281"/>
            <a:ext cx="3441109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b="1" dirty="0" smtClean="0"/>
              <a:t>Chain of infection</a:t>
            </a:r>
            <a:endParaRPr lang="en-GB" sz="3200" b="1" dirty="0"/>
          </a:p>
        </p:txBody>
      </p:sp>
    </p:spTree>
    <p:extLst>
      <p:ext uri="{BB962C8B-B14F-4D97-AF65-F5344CB8AC3E}">
        <p14:creationId xmlns:p14="http://schemas.microsoft.com/office/powerpoint/2010/main" val="34002562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348916" y="5676773"/>
            <a:ext cx="6545179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/>
              <a:t>On 8 </a:t>
            </a:r>
            <a:r>
              <a:rPr lang="en-GB" dirty="0" smtClean="0"/>
              <a:t>Feb. </a:t>
            </a:r>
            <a:r>
              <a:rPr lang="en-GB" dirty="0" err="1" smtClean="0"/>
              <a:t>Leishenshan</a:t>
            </a:r>
            <a:r>
              <a:rPr lang="en-GB" dirty="0" smtClean="0"/>
              <a:t> </a:t>
            </a:r>
            <a:r>
              <a:rPr lang="en-GB" dirty="0"/>
              <a:t>Hospital </a:t>
            </a:r>
            <a:r>
              <a:rPr lang="en-GB" dirty="0" smtClean="0"/>
              <a:t>began </a:t>
            </a:r>
            <a:r>
              <a:rPr lang="en-GB" dirty="0"/>
              <a:t>its </a:t>
            </a:r>
            <a:r>
              <a:rPr lang="en-GB" dirty="0" smtClean="0"/>
              <a:t>operation.</a:t>
            </a:r>
          </a:p>
          <a:p>
            <a:r>
              <a:rPr lang="en-US" dirty="0" smtClean="0"/>
              <a:t>On 31 Jan. </a:t>
            </a:r>
            <a:r>
              <a:rPr lang="en-GB" dirty="0" smtClean="0"/>
              <a:t>WHO declares coronavirus an international emergency</a:t>
            </a:r>
            <a:endParaRPr lang="en-GB" dirty="0"/>
          </a:p>
          <a:p>
            <a:r>
              <a:rPr lang="en-GB" dirty="0" smtClean="0"/>
              <a:t>On 3 </a:t>
            </a:r>
            <a:r>
              <a:rPr lang="en-GB" dirty="0" smtClean="0"/>
              <a:t>Feb. </a:t>
            </a:r>
            <a:r>
              <a:rPr lang="en-GB" dirty="0" err="1" smtClean="0"/>
              <a:t>Huoshenshan</a:t>
            </a:r>
            <a:r>
              <a:rPr lang="en-GB" dirty="0" smtClean="0"/>
              <a:t> </a:t>
            </a:r>
            <a:r>
              <a:rPr lang="en-GB" dirty="0"/>
              <a:t>Hospital </a:t>
            </a:r>
            <a:r>
              <a:rPr lang="en-GB" dirty="0" smtClean="0"/>
              <a:t>began its operation.</a:t>
            </a:r>
            <a:endParaRPr lang="en-GB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0711" y="670121"/>
            <a:ext cx="7728155" cy="46800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348916" y="192505"/>
            <a:ext cx="528186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b="1" dirty="0" smtClean="0"/>
              <a:t>Comparison between COVID-2019 and SARS </a:t>
            </a:r>
            <a:endParaRPr lang="en-GB" b="1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868866" y="192505"/>
            <a:ext cx="4323134" cy="622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4982772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s://attachments.office.net/owa/Feifei.Zhang@ed.ac.uk/service.svc/s/GetAttachmentThumbnail?id=AAMkAGQyZjI3YzJmLTA1MjUtNDk5MS05MDgzLWJlN2Y2NzhlZjljMQBGAAAAAADxmXKFvXgCT4%2B5fWbFmQQJBwBA17mKIUgcRIyA1Y224Dn7AAAAAAEJAABA17mKIUgcRIyA1Y224Dn7AAKOtE6MAAABEgAQAINXMYLjZsNIm5U30G9FBpY%3D&amp;thumbnailType=2&amp;owa=outlook.office.com&amp;scriptVer=2020020301.19&amp;X-OWA-CANARY=uEpe3RHsfkybkkS4f-In-ZAgQC1Mr9cYv20rIe7O0ZEMAn0bQ0hhrXyJfcOlq_J0RmUaIWJhzZU.&amp;token=eyJhbGciOiJSUzI1NiIsImtpZCI6IjU2MzU4ODUyMzRCOTI1MkRERTAwNTc2NkQ5RDlGMjc2NTY1RjYzRTIiLCJ4NXQiOiJWaldJVWpTNUpTM2VBRmRtMmRueWRsWmZZLUkiLCJ0eXAiOiJKV1QifQ.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.p23GQrxQe5HIn_EShZoJdJNU0V3AZ-HtrAvFyk3fuc3jV3uDlJ8ip-jq7fwn-qbmiOGgvk4JSwIhdHntJEWjFR3WcBR9pp3acsKGBDD0rgFtreVBytSvXRbxMVDWAcGqBVdQptKbGxQKAa6y4Nb3Fq4wSytwpZgDjrlzMvs2bTk3hlgwcbvfv3FU0YJc0I96yNUzhpZVSQSM0-m3oz1MiqLydaIZeP8C_mcC24ca8-Hk-AcRt2K9juaOZriC1oRlrxrHwNAXDQ3j7gyj5r6t2L_faIOqctFFIo85EeI9NRsVhO1_sEV7Od_qxy3JPZSx4AX9WxlFmQDete-QTVl6iA&amp;animation=true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2597" y="414000"/>
            <a:ext cx="10957159" cy="6444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421106" y="44668"/>
            <a:ext cx="194911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b="1" dirty="0" smtClean="0"/>
              <a:t>Joseph et al, 2020</a:t>
            </a:r>
            <a:endParaRPr lang="en-GB" b="1" dirty="0"/>
          </a:p>
        </p:txBody>
      </p:sp>
    </p:spTree>
    <p:extLst>
      <p:ext uri="{BB962C8B-B14F-4D97-AF65-F5344CB8AC3E}">
        <p14:creationId xmlns:p14="http://schemas.microsoft.com/office/powerpoint/2010/main" val="223641602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581</TotalTime>
  <Words>316</Words>
  <Application>Microsoft Office PowerPoint</Application>
  <PresentationFormat>Widescreen</PresentationFormat>
  <Paragraphs>44</Paragraphs>
  <Slides>8</Slides>
  <Notes>4</Notes>
  <HiddenSlides>2</HiddenSlides>
  <MMClips>1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8</vt:i4>
      </vt:variant>
    </vt:vector>
  </HeadingPairs>
  <TitlesOfParts>
    <vt:vector size="14" baseType="lpstr">
      <vt:lpstr>等线</vt:lpstr>
      <vt:lpstr>Arial</vt:lpstr>
      <vt:lpstr>Calibri</vt:lpstr>
      <vt:lpstr>Calibri Light</vt:lpstr>
      <vt:lpstr>Wingdings</vt:lpstr>
      <vt:lpstr>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The University of Edinburgh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ZHANG Feifei</dc:creator>
  <cp:lastModifiedBy>ZHANG Feifei</cp:lastModifiedBy>
  <cp:revision>124</cp:revision>
  <dcterms:created xsi:type="dcterms:W3CDTF">2020-02-11T15:54:53Z</dcterms:created>
  <dcterms:modified xsi:type="dcterms:W3CDTF">2020-02-12T12:05:37Z</dcterms:modified>
</cp:coreProperties>
</file>